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45"/>
  </p:notesMasterIdLst>
  <p:handoutMasterIdLst>
    <p:handoutMasterId r:id="rId46"/>
  </p:handoutMasterIdLst>
  <p:sldIdLst>
    <p:sldId id="256" r:id="rId10"/>
    <p:sldId id="260" r:id="rId11"/>
    <p:sldId id="257" r:id="rId12"/>
    <p:sldId id="276" r:id="rId13"/>
    <p:sldId id="263" r:id="rId14"/>
    <p:sldId id="277" r:id="rId15"/>
    <p:sldId id="280" r:id="rId16"/>
    <p:sldId id="281" r:id="rId17"/>
    <p:sldId id="283" r:id="rId18"/>
    <p:sldId id="284" r:id="rId19"/>
    <p:sldId id="286" r:id="rId20"/>
    <p:sldId id="287" r:id="rId21"/>
    <p:sldId id="288" r:id="rId22"/>
    <p:sldId id="289" r:id="rId23"/>
    <p:sldId id="290" r:id="rId24"/>
    <p:sldId id="291" r:id="rId25"/>
    <p:sldId id="278" r:id="rId26"/>
    <p:sldId id="292" r:id="rId27"/>
    <p:sldId id="293" r:id="rId28"/>
    <p:sldId id="266" r:id="rId29"/>
    <p:sldId id="294" r:id="rId30"/>
    <p:sldId id="267" r:id="rId31"/>
    <p:sldId id="297" r:id="rId32"/>
    <p:sldId id="298" r:id="rId33"/>
    <p:sldId id="295" r:id="rId34"/>
    <p:sldId id="299" r:id="rId35"/>
    <p:sldId id="300" r:id="rId36"/>
    <p:sldId id="301" r:id="rId37"/>
    <p:sldId id="302" r:id="rId38"/>
    <p:sldId id="303" r:id="rId39"/>
    <p:sldId id="304" r:id="rId40"/>
    <p:sldId id="305" r:id="rId41"/>
    <p:sldId id="306" r:id="rId42"/>
    <p:sldId id="307" r:id="rId43"/>
    <p:sldId id="308" r:id="rId44"/>
  </p:sldIdLst>
  <p:sldSz cx="12190413" cy="6858000"/>
  <p:notesSz cx="6858000" cy="9144000"/>
  <p:custDataLst>
    <p:tags r:id="rId4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6600"/>
    <a:srgbClr val="2F3EEA"/>
    <a:srgbClr val="FF0099"/>
    <a:srgbClr val="FF0000"/>
    <a:srgbClr val="FFFFFF"/>
    <a:srgbClr val="990000"/>
    <a:srgbClr val="000000"/>
    <a:srgbClr val="FFCC00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14B05F5-CDC9-49A7-9890-C2F0602C8542}" v="511" dt="2022-08-23T21:43:03.795"/>
    <p1510:client id="{6594851D-CEE0-4A2C-876F-BED761A92EC3}" v="263" dt="2022-08-23T14:55:39.262"/>
    <p1510:client id="{FC50E581-9A3F-A24F-9546-F40EB98BED79}" v="301" dt="2022-08-23T18:01:22.98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C2FFA5D-87B4-456A-9821-1D502468CF0F}" styleName="Themed Style 1 -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D113A9D2-9D6B-4929-AA2D-F23B5EE8CBE7}" styleName="Themed Style 2 - Accent 1">
    <a:tblBg>
      <a:fillRef idx="3">
        <a:schemeClr val="accent1"/>
      </a:fillRef>
      <a:effectRef idx="3">
        <a:schemeClr val="accent1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1">
                <a:tint val="50000"/>
              </a:schemeClr>
            </a:lnRef>
          </a:left>
          <a:right>
            <a:lnRef idx="1">
              <a:schemeClr val="accent1">
                <a:tint val="50000"/>
              </a:schemeClr>
            </a:lnRef>
          </a:right>
          <a:top>
            <a:lnRef idx="1">
              <a:schemeClr val="accent1">
                <a:tint val="50000"/>
              </a:schemeClr>
            </a:lnRef>
          </a:top>
          <a:bottom>
            <a:lnRef idx="1">
              <a:schemeClr val="accent1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7DF18680-E054-41AD-8BC1-D1AEF772440D}" styleName="Medium Style 2 - Accent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  <a:tblStyle styleId="{284E427A-3D55-4303-BF80-6455036E1DE7}" styleName="Themed Style 1 - Accent 2">
    <a:tblBg>
      <a:fillRef idx="2">
        <a:schemeClr val="accent2"/>
      </a:fillRef>
      <a:effectRef idx="1">
        <a:schemeClr val="accent2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Ref idx="1">
              <a:schemeClr val="accent2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  <a:fill>
          <a:solidFill>
            <a:schemeClr val="accent2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2"/>
            </a:lnRef>
          </a:left>
          <a:right>
            <a:lnRef idx="2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2">
              <a:schemeClr val="accent2"/>
            </a:lnRef>
          </a:top>
          <a:bottom>
            <a:lnRef idx="2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2"/>
          </a:solidFill>
        </a:fill>
      </a:tcStyle>
    </a:firstRow>
  </a:tblStyle>
  <a:tblStyle styleId="{35758FB7-9AC5-4552-8A53-C91805E547FA}" styleName="Themed Style 1 - Accent 5">
    <a:tblBg>
      <a:fillRef idx="2">
        <a:schemeClr val="accent5"/>
      </a:fillRef>
      <a:effectRef idx="1">
        <a:schemeClr val="accent5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Ref idx="1">
              <a:schemeClr val="accent5"/>
            </a:lnRef>
          </a:insideH>
          <a:insideV>
            <a:lnRef idx="1">
              <a:schemeClr val="accent5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</a:tcBdr>
        <a:fill>
          <a:solidFill>
            <a:schemeClr val="accent5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Ref idx="1">
              <a:schemeClr val="accent5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5"/>
            </a:lnRef>
          </a:left>
          <a:right>
            <a:lnRef idx="2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Ref idx="1">
              <a:schemeClr val="accent5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2">
              <a:schemeClr val="accent5"/>
            </a:lnRef>
          </a:top>
          <a:bottom>
            <a:lnRef idx="2">
              <a:schemeClr val="accent5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5"/>
          </a:solidFill>
        </a:fill>
      </a:tcStyle>
    </a:firstRow>
  </a:tblStyle>
  <a:tblStyle styleId="{638B1855-1B75-4FBE-930C-398BA8C253C6}" styleName="Themed Style 2 - Accent 6">
    <a:tblBg>
      <a:fillRef idx="3">
        <a:schemeClr val="accent6"/>
      </a:fillRef>
      <a:effectRef idx="3">
        <a:schemeClr val="accent6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6">
                <a:tint val="50000"/>
              </a:schemeClr>
            </a:lnRef>
          </a:left>
          <a:right>
            <a:lnRef idx="1">
              <a:schemeClr val="accent6">
                <a:tint val="50000"/>
              </a:schemeClr>
            </a:lnRef>
          </a:right>
          <a:top>
            <a:lnRef idx="1">
              <a:schemeClr val="accent6">
                <a:tint val="50000"/>
              </a:schemeClr>
            </a:lnRef>
          </a:top>
          <a:bottom>
            <a:lnRef idx="1">
              <a:schemeClr val="accent6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0505E3EF-67EA-436B-97B2-0124C06EBD24}" styleName="Medium Style 4 - Accent 3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3"/>
              </a:solidFill>
            </a:ln>
          </a:left>
          <a:right>
            <a:ln w="12700" cmpd="sng">
              <a:solidFill>
                <a:schemeClr val="accent3"/>
              </a:solidFill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 w="12700" cmpd="sng">
              <a:solidFill>
                <a:schemeClr val="accent3"/>
              </a:solidFill>
            </a:ln>
          </a:insideH>
          <a:insideV>
            <a:ln w="12700" cmpd="sng">
              <a:solidFill>
                <a:schemeClr val="accent3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3"/>
              </a:solidFill>
            </a:ln>
          </a:top>
        </a:tcBdr>
        <a:fill>
          <a:solidFill>
            <a:schemeClr val="accent3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3">
              <a:tint val="20000"/>
            </a:schemeClr>
          </a:solidFill>
        </a:fill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0992" autoAdjust="0"/>
    <p:restoredTop sz="96597" autoAdjust="0"/>
  </p:normalViewPr>
  <p:slideViewPr>
    <p:cSldViewPr showGuides="1">
      <p:cViewPr varScale="1">
        <p:scale>
          <a:sx n="122" d="100"/>
          <a:sy n="122" d="100"/>
        </p:scale>
        <p:origin x="384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36004" cy="36004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tags" Target="tags/tag1.xml"/><Relationship Id="rId50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9" Type="http://schemas.openxmlformats.org/officeDocument/2006/relationships/slide" Target="slides/slide20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notesMaster" Target="notesMasters/notesMaster1.xml"/><Relationship Id="rId53" Type="http://schemas.microsoft.com/office/2015/10/relationships/revisionInfo" Target="revisionInfo.xml"/><Relationship Id="rId5" Type="http://schemas.openxmlformats.org/officeDocument/2006/relationships/customXml" Target="../customXml/item5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slide" Target="slides/slide35.xml"/><Relationship Id="rId52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slide" Target="slides/slide34.xml"/><Relationship Id="rId48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handoutMaster" Target="handoutMasters/handoutMaster1.xml"/><Relationship Id="rId20" Type="http://schemas.openxmlformats.org/officeDocument/2006/relationships/slide" Target="slides/slide11.xml"/><Relationship Id="rId41" Type="http://schemas.openxmlformats.org/officeDocument/2006/relationships/slide" Target="slides/slide3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atias Vázquez Piñón" userId="2f86a967-3c9c-4a39-b538-7e6c0574d83d" providerId="ADAL" clId="{6594851D-CEE0-4A2C-876F-BED761A92EC3}"/>
    <pc:docChg chg="undo custSel mod addSld delSld modSld sldOrd modMainMaster">
      <pc:chgData name="Matias Vázquez Piñón" userId="2f86a967-3c9c-4a39-b538-7e6c0574d83d" providerId="ADAL" clId="{6594851D-CEE0-4A2C-876F-BED761A92EC3}" dt="2022-08-23T14:57:40.755" v="4496" actId="6549"/>
      <pc:docMkLst>
        <pc:docMk/>
      </pc:docMkLst>
      <pc:sldChg chg="modSp mod">
        <pc:chgData name="Matias Vázquez Piñón" userId="2f86a967-3c9c-4a39-b538-7e6c0574d83d" providerId="ADAL" clId="{6594851D-CEE0-4A2C-876F-BED761A92EC3}" dt="2022-08-15T09:56:34.811" v="117" actId="20577"/>
        <pc:sldMkLst>
          <pc:docMk/>
          <pc:sldMk cId="1796381250" sldId="257"/>
        </pc:sldMkLst>
        <pc:spChg chg="mod">
          <ac:chgData name="Matias Vázquez Piñón" userId="2f86a967-3c9c-4a39-b538-7e6c0574d83d" providerId="ADAL" clId="{6594851D-CEE0-4A2C-876F-BED761A92EC3}" dt="2022-08-15T09:56:34.811" v="117" actId="20577"/>
          <ac:spMkLst>
            <pc:docMk/>
            <pc:sldMk cId="1796381250" sldId="257"/>
            <ac:spMk id="3" creationId="{9ABD2501-5E2C-84F8-5978-93D1F7F43359}"/>
          </ac:spMkLst>
        </pc:spChg>
      </pc:sldChg>
      <pc:sldChg chg="modSp new mod">
        <pc:chgData name="Matias Vázquez Piñón" userId="2f86a967-3c9c-4a39-b538-7e6c0574d83d" providerId="ADAL" clId="{6594851D-CEE0-4A2C-876F-BED761A92EC3}" dt="2022-08-15T09:57:03.856" v="122" actId="20577"/>
        <pc:sldMkLst>
          <pc:docMk/>
          <pc:sldMk cId="1357612784" sldId="261"/>
        </pc:sldMkLst>
        <pc:spChg chg="mod">
          <ac:chgData name="Matias Vázquez Piñón" userId="2f86a967-3c9c-4a39-b538-7e6c0574d83d" providerId="ADAL" clId="{6594851D-CEE0-4A2C-876F-BED761A92EC3}" dt="2022-08-15T09:55:40.709" v="82" actId="20577"/>
          <ac:spMkLst>
            <pc:docMk/>
            <pc:sldMk cId="1357612784" sldId="261"/>
            <ac:spMk id="2" creationId="{ECAEF753-D43D-6BE4-C674-AC5A97AD0988}"/>
          </ac:spMkLst>
        </pc:spChg>
        <pc:spChg chg="mod">
          <ac:chgData name="Matias Vázquez Piñón" userId="2f86a967-3c9c-4a39-b538-7e6c0574d83d" providerId="ADAL" clId="{6594851D-CEE0-4A2C-876F-BED761A92EC3}" dt="2022-08-15T09:55:06.468" v="5" actId="20577"/>
          <ac:spMkLst>
            <pc:docMk/>
            <pc:sldMk cId="1357612784" sldId="261"/>
            <ac:spMk id="3" creationId="{5BB05565-F33B-5BD0-E9D3-FD707442EFF3}"/>
          </ac:spMkLst>
        </pc:spChg>
        <pc:spChg chg="mod">
          <ac:chgData name="Matias Vázquez Piñón" userId="2f86a967-3c9c-4a39-b538-7e6c0574d83d" providerId="ADAL" clId="{6594851D-CEE0-4A2C-876F-BED761A92EC3}" dt="2022-08-15T09:57:03.856" v="122" actId="20577"/>
          <ac:spMkLst>
            <pc:docMk/>
            <pc:sldMk cId="1357612784" sldId="261"/>
            <ac:spMk id="4" creationId="{FFC1AE25-77C3-183C-DBF6-6DF94AB28FAC}"/>
          </ac:spMkLst>
        </pc:spChg>
      </pc:sldChg>
      <pc:sldChg chg="addSp delSp modSp new mod">
        <pc:chgData name="Matias Vázquez Piñón" userId="2f86a967-3c9c-4a39-b538-7e6c0574d83d" providerId="ADAL" clId="{6594851D-CEE0-4A2C-876F-BED761A92EC3}" dt="2022-08-15T09:57:46.119" v="129"/>
        <pc:sldMkLst>
          <pc:docMk/>
          <pc:sldMk cId="3597724329" sldId="262"/>
        </pc:sldMkLst>
        <pc:spChg chg="del">
          <ac:chgData name="Matias Vázquez Piñón" userId="2f86a967-3c9c-4a39-b538-7e6c0574d83d" providerId="ADAL" clId="{6594851D-CEE0-4A2C-876F-BED761A92EC3}" dt="2022-08-15T09:57:16.610" v="124"/>
          <ac:spMkLst>
            <pc:docMk/>
            <pc:sldMk cId="3597724329" sldId="262"/>
            <ac:spMk id="3" creationId="{A2498B5A-3727-587B-E2CA-C1CC06805F97}"/>
          </ac:spMkLst>
        </pc:spChg>
        <pc:graphicFrameChg chg="add mod modGraphic">
          <ac:chgData name="Matias Vázquez Piñón" userId="2f86a967-3c9c-4a39-b538-7e6c0574d83d" providerId="ADAL" clId="{6594851D-CEE0-4A2C-876F-BED761A92EC3}" dt="2022-08-15T09:57:32.341" v="126"/>
          <ac:graphicFrameMkLst>
            <pc:docMk/>
            <pc:sldMk cId="3597724329" sldId="262"/>
            <ac:graphicFrameMk id="5" creationId="{0E11FF7B-7EBE-835F-25F6-C9BB4C23596E}"/>
          </ac:graphicFrameMkLst>
        </pc:graphicFrameChg>
        <pc:picChg chg="add mod">
          <ac:chgData name="Matias Vázquez Piñón" userId="2f86a967-3c9c-4a39-b538-7e6c0574d83d" providerId="ADAL" clId="{6594851D-CEE0-4A2C-876F-BED761A92EC3}" dt="2022-08-15T09:57:35.472" v="127"/>
          <ac:picMkLst>
            <pc:docMk/>
            <pc:sldMk cId="3597724329" sldId="262"/>
            <ac:picMk id="6" creationId="{F695AFAE-93E2-8460-3163-DE7FE3996FD3}"/>
          </ac:picMkLst>
        </pc:picChg>
        <pc:picChg chg="add mod">
          <ac:chgData name="Matias Vázquez Piñón" userId="2f86a967-3c9c-4a39-b538-7e6c0574d83d" providerId="ADAL" clId="{6594851D-CEE0-4A2C-876F-BED761A92EC3}" dt="2022-08-15T09:57:40.486" v="128"/>
          <ac:picMkLst>
            <pc:docMk/>
            <pc:sldMk cId="3597724329" sldId="262"/>
            <ac:picMk id="7" creationId="{3A64D4EC-2DF3-A0D5-CA48-6CA79013B411}"/>
          </ac:picMkLst>
        </pc:picChg>
        <pc:picChg chg="add mod">
          <ac:chgData name="Matias Vázquez Piñón" userId="2f86a967-3c9c-4a39-b538-7e6c0574d83d" providerId="ADAL" clId="{6594851D-CEE0-4A2C-876F-BED761A92EC3}" dt="2022-08-15T09:57:46.119" v="129"/>
          <ac:picMkLst>
            <pc:docMk/>
            <pc:sldMk cId="3597724329" sldId="262"/>
            <ac:picMk id="8" creationId="{B8612F6C-8D94-05A4-7F7F-63A35680D184}"/>
          </ac:picMkLst>
        </pc:picChg>
      </pc:sldChg>
      <pc:sldChg chg="addSp delSp modSp new mod modClrScheme chgLayout">
        <pc:chgData name="Matias Vázquez Piñón" userId="2f86a967-3c9c-4a39-b538-7e6c0574d83d" providerId="ADAL" clId="{6594851D-CEE0-4A2C-876F-BED761A92EC3}" dt="2022-08-16T14:26:45.376" v="992" actId="700"/>
        <pc:sldMkLst>
          <pc:docMk/>
          <pc:sldMk cId="622507875" sldId="263"/>
        </pc:sldMkLst>
        <pc:spChg chg="del mod ord">
          <ac:chgData name="Matias Vázquez Piñón" userId="2f86a967-3c9c-4a39-b538-7e6c0574d83d" providerId="ADAL" clId="{6594851D-CEE0-4A2C-876F-BED761A92EC3}" dt="2022-08-16T14:17:52.429" v="874" actId="700"/>
          <ac:spMkLst>
            <pc:docMk/>
            <pc:sldMk cId="622507875" sldId="263"/>
            <ac:spMk id="2" creationId="{4001F3C6-33F9-6FA3-DF81-0B572B984FC7}"/>
          </ac:spMkLst>
        </pc:spChg>
        <pc:spChg chg="del mod">
          <ac:chgData name="Matias Vázquez Piñón" userId="2f86a967-3c9c-4a39-b538-7e6c0574d83d" providerId="ADAL" clId="{6594851D-CEE0-4A2C-876F-BED761A92EC3}" dt="2022-08-15T09:58:25.828" v="135"/>
          <ac:spMkLst>
            <pc:docMk/>
            <pc:sldMk cId="622507875" sldId="263"/>
            <ac:spMk id="3" creationId="{382E86F3-54B4-5F7A-35C5-2DD6258D94C1}"/>
          </ac:spMkLst>
        </pc:spChg>
        <pc:spChg chg="add mod ord">
          <ac:chgData name="Matias Vázquez Piñón" userId="2f86a967-3c9c-4a39-b538-7e6c0574d83d" providerId="ADAL" clId="{6594851D-CEE0-4A2C-876F-BED761A92EC3}" dt="2022-08-16T14:26:45.376" v="992" actId="700"/>
          <ac:spMkLst>
            <pc:docMk/>
            <pc:sldMk cId="622507875" sldId="263"/>
            <ac:spMk id="3" creationId="{FF512E78-335F-2C1D-FB95-93A6F877663B}"/>
          </ac:spMkLst>
        </pc:spChg>
        <pc:spChg chg="mod ord">
          <ac:chgData name="Matias Vázquez Piñón" userId="2f86a967-3c9c-4a39-b538-7e6c0574d83d" providerId="ADAL" clId="{6594851D-CEE0-4A2C-876F-BED761A92EC3}" dt="2022-08-16T14:26:45.376" v="992" actId="700"/>
          <ac:spMkLst>
            <pc:docMk/>
            <pc:sldMk cId="622507875" sldId="263"/>
            <ac:spMk id="4" creationId="{0A318828-D276-C233-EC86-4D3BD14576BE}"/>
          </ac:spMkLst>
        </pc:spChg>
        <pc:spChg chg="add del mod ord">
          <ac:chgData name="Matias Vázquez Piñón" userId="2f86a967-3c9c-4a39-b538-7e6c0574d83d" providerId="ADAL" clId="{6594851D-CEE0-4A2C-876F-BED761A92EC3}" dt="2022-08-16T14:17:54.347" v="875" actId="22"/>
          <ac:spMkLst>
            <pc:docMk/>
            <pc:sldMk cId="622507875" sldId="263"/>
            <ac:spMk id="6" creationId="{5E397A04-8B2A-376D-7F45-20542806A979}"/>
          </ac:spMkLst>
        </pc:spChg>
        <pc:spChg chg="add del mod">
          <ac:chgData name="Matias Vázquez Piñón" userId="2f86a967-3c9c-4a39-b538-7e6c0574d83d" providerId="ADAL" clId="{6594851D-CEE0-4A2C-876F-BED761A92EC3}" dt="2022-08-16T14:18:39.556" v="883" actId="22"/>
          <ac:spMkLst>
            <pc:docMk/>
            <pc:sldMk cId="622507875" sldId="263"/>
            <ac:spMk id="10" creationId="{5EB3B3B4-561E-7E2C-4FD5-990418CE3713}"/>
          </ac:spMkLst>
        </pc:spChg>
        <pc:graphicFrameChg chg="add del mod ord modGraphic">
          <ac:chgData name="Matias Vázquez Piñón" userId="2f86a967-3c9c-4a39-b538-7e6c0574d83d" providerId="ADAL" clId="{6594851D-CEE0-4A2C-876F-BED761A92EC3}" dt="2022-08-16T14:18:28.659" v="882" actId="478"/>
          <ac:graphicFrameMkLst>
            <pc:docMk/>
            <pc:sldMk cId="622507875" sldId="263"/>
            <ac:graphicFrameMk id="5" creationId="{F374463D-5E6D-92D0-1CD8-827571F7D251}"/>
          </ac:graphicFrameMkLst>
        </pc:graphicFrameChg>
        <pc:picChg chg="add mod ord">
          <ac:chgData name="Matias Vázquez Piñón" userId="2f86a967-3c9c-4a39-b538-7e6c0574d83d" providerId="ADAL" clId="{6594851D-CEE0-4A2C-876F-BED761A92EC3}" dt="2022-08-16T14:26:45.376" v="992" actId="700"/>
          <ac:picMkLst>
            <pc:docMk/>
            <pc:sldMk cId="622507875" sldId="263"/>
            <ac:picMk id="8" creationId="{E0066F59-EF26-71E5-9F11-EB9930E954CA}"/>
          </ac:picMkLst>
        </pc:picChg>
        <pc:picChg chg="add mod ord">
          <ac:chgData name="Matias Vázquez Piñón" userId="2f86a967-3c9c-4a39-b538-7e6c0574d83d" providerId="ADAL" clId="{6594851D-CEE0-4A2C-876F-BED761A92EC3}" dt="2022-08-16T14:26:45.376" v="992" actId="700"/>
          <ac:picMkLst>
            <pc:docMk/>
            <pc:sldMk cId="622507875" sldId="263"/>
            <ac:picMk id="12" creationId="{DE86632C-35A4-6E3C-905D-0A32B45B6795}"/>
          </ac:picMkLst>
        </pc:picChg>
      </pc:sldChg>
      <pc:sldChg chg="modSp new mod">
        <pc:chgData name="Matias Vázquez Piñón" userId="2f86a967-3c9c-4a39-b538-7e6c0574d83d" providerId="ADAL" clId="{6594851D-CEE0-4A2C-876F-BED761A92EC3}" dt="2022-08-15T09:59:11.284" v="162" actId="20577"/>
        <pc:sldMkLst>
          <pc:docMk/>
          <pc:sldMk cId="677354137" sldId="264"/>
        </pc:sldMkLst>
        <pc:spChg chg="mod">
          <ac:chgData name="Matias Vázquez Piñón" userId="2f86a967-3c9c-4a39-b538-7e6c0574d83d" providerId="ADAL" clId="{6594851D-CEE0-4A2C-876F-BED761A92EC3}" dt="2022-08-15T09:59:11.284" v="162" actId="20577"/>
          <ac:spMkLst>
            <pc:docMk/>
            <pc:sldMk cId="677354137" sldId="264"/>
            <ac:spMk id="2" creationId="{D3ED6967-CBF2-27C6-EE59-53BDF7858D5F}"/>
          </ac:spMkLst>
        </pc:spChg>
      </pc:sldChg>
      <pc:sldChg chg="addSp delSp modSp new ord">
        <pc:chgData name="Matias Vázquez Piñón" userId="2f86a967-3c9c-4a39-b538-7e6c0574d83d" providerId="ADAL" clId="{6594851D-CEE0-4A2C-876F-BED761A92EC3}" dt="2022-08-19T08:07:48.039" v="1310"/>
        <pc:sldMkLst>
          <pc:docMk/>
          <pc:sldMk cId="756237579" sldId="265"/>
        </pc:sldMkLst>
        <pc:spChg chg="del">
          <ac:chgData name="Matias Vázquez Piñón" userId="2f86a967-3c9c-4a39-b538-7e6c0574d83d" providerId="ADAL" clId="{6594851D-CEE0-4A2C-876F-BED761A92EC3}" dt="2022-08-15T09:59:28.720" v="164"/>
          <ac:spMkLst>
            <pc:docMk/>
            <pc:sldMk cId="756237579" sldId="265"/>
            <ac:spMk id="3" creationId="{2162CCF9-F508-A906-E6B4-3C72D0642B98}"/>
          </ac:spMkLst>
        </pc:spChg>
        <pc:picChg chg="add mod">
          <ac:chgData name="Matias Vázquez Piñón" userId="2f86a967-3c9c-4a39-b538-7e6c0574d83d" providerId="ADAL" clId="{6594851D-CEE0-4A2C-876F-BED761A92EC3}" dt="2022-08-15T09:59:28.720" v="164"/>
          <ac:picMkLst>
            <pc:docMk/>
            <pc:sldMk cId="756237579" sldId="265"/>
            <ac:picMk id="6" creationId="{0D04321B-3D84-E225-2C7E-C9101DCD5884}"/>
          </ac:picMkLst>
        </pc:picChg>
      </pc:sldChg>
      <pc:sldChg chg="addSp delSp modSp add del mod">
        <pc:chgData name="Matias Vázquez Piñón" userId="2f86a967-3c9c-4a39-b538-7e6c0574d83d" providerId="ADAL" clId="{6594851D-CEE0-4A2C-876F-BED761A92EC3}" dt="2022-08-19T08:31:03.278" v="1690" actId="20577"/>
        <pc:sldMkLst>
          <pc:docMk/>
          <pc:sldMk cId="1944785628" sldId="266"/>
        </pc:sldMkLst>
        <pc:spChg chg="mod">
          <ac:chgData name="Matias Vázquez Piñón" userId="2f86a967-3c9c-4a39-b538-7e6c0574d83d" providerId="ADAL" clId="{6594851D-CEE0-4A2C-876F-BED761A92EC3}" dt="2022-08-19T08:09:40.763" v="1350" actId="20577"/>
          <ac:spMkLst>
            <pc:docMk/>
            <pc:sldMk cId="1944785628" sldId="266"/>
            <ac:spMk id="2" creationId="{AB517934-053F-FF86-552E-F307D2D9DA4B}"/>
          </ac:spMkLst>
        </pc:spChg>
        <pc:spChg chg="add mod">
          <ac:chgData name="Matias Vázquez Piñón" userId="2f86a967-3c9c-4a39-b538-7e6c0574d83d" providerId="ADAL" clId="{6594851D-CEE0-4A2C-876F-BED761A92EC3}" dt="2022-08-19T08:13:32.704" v="1435" actId="14100"/>
          <ac:spMkLst>
            <pc:docMk/>
            <pc:sldMk cId="1944785628" sldId="266"/>
            <ac:spMk id="4" creationId="{1F0389DA-86A2-1868-1EC5-09E7174EDA7F}"/>
          </ac:spMkLst>
        </pc:spChg>
        <pc:spChg chg="mod">
          <ac:chgData name="Matias Vázquez Piñón" userId="2f86a967-3c9c-4a39-b538-7e6c0574d83d" providerId="ADAL" clId="{6594851D-CEE0-4A2C-876F-BED761A92EC3}" dt="2022-08-15T10:00:01.180" v="165"/>
          <ac:spMkLst>
            <pc:docMk/>
            <pc:sldMk cId="1944785628" sldId="266"/>
            <ac:spMk id="5" creationId="{8ED65948-3C46-409B-BE4C-603156495089}"/>
          </ac:spMkLst>
        </pc:spChg>
        <pc:spChg chg="add mod">
          <ac:chgData name="Matias Vázquez Piñón" userId="2f86a967-3c9c-4a39-b538-7e6c0574d83d" providerId="ADAL" clId="{6594851D-CEE0-4A2C-876F-BED761A92EC3}" dt="2022-08-19T08:13:30.783" v="1434" actId="14100"/>
          <ac:spMkLst>
            <pc:docMk/>
            <pc:sldMk cId="1944785628" sldId="266"/>
            <ac:spMk id="5" creationId="{A4ADF5D8-0DAD-E062-D75A-BE9003C3C9B2}"/>
          </ac:spMkLst>
        </pc:spChg>
        <pc:spChg chg="mod">
          <ac:chgData name="Matias Vázquez Piñón" userId="2f86a967-3c9c-4a39-b538-7e6c0574d83d" providerId="ADAL" clId="{6594851D-CEE0-4A2C-876F-BED761A92EC3}" dt="2022-08-19T08:31:03.278" v="1690" actId="20577"/>
          <ac:spMkLst>
            <pc:docMk/>
            <pc:sldMk cId="1944785628" sldId="266"/>
            <ac:spMk id="6" creationId="{A2A309B0-A3E7-707D-2E82-3AC7B3C91B3A}"/>
          </ac:spMkLst>
        </pc:spChg>
        <pc:spChg chg="del mod">
          <ac:chgData name="Matias Vázquez Piñón" userId="2f86a967-3c9c-4a39-b538-7e6c0574d83d" providerId="ADAL" clId="{6594851D-CEE0-4A2C-876F-BED761A92EC3}" dt="2022-08-19T08:10:34.779" v="1365" actId="478"/>
          <ac:spMkLst>
            <pc:docMk/>
            <pc:sldMk cId="1944785628" sldId="266"/>
            <ac:spMk id="10" creationId="{DFDFF52D-F9AA-0E92-1EFA-009793D9A509}"/>
          </ac:spMkLst>
        </pc:spChg>
        <pc:picChg chg="mod">
          <ac:chgData name="Matias Vázquez Piñón" userId="2f86a967-3c9c-4a39-b538-7e6c0574d83d" providerId="ADAL" clId="{6594851D-CEE0-4A2C-876F-BED761A92EC3}" dt="2022-08-19T08:10:17.751" v="1359" actId="1076"/>
          <ac:picMkLst>
            <pc:docMk/>
            <pc:sldMk cId="1944785628" sldId="266"/>
            <ac:picMk id="13" creationId="{EBA6DABB-A380-2114-7AF6-3167F2506869}"/>
          </ac:picMkLst>
        </pc:picChg>
      </pc:sldChg>
      <pc:sldChg chg="modSp mod chgLayout">
        <pc:chgData name="Matias Vázquez Piñón" userId="2f86a967-3c9c-4a39-b538-7e6c0574d83d" providerId="ADAL" clId="{6594851D-CEE0-4A2C-876F-BED761A92EC3}" dt="2022-08-19T08:31:44.959" v="1699" actId="20577"/>
        <pc:sldMkLst>
          <pc:docMk/>
          <pc:sldMk cId="3675564955" sldId="267"/>
        </pc:sldMkLst>
        <pc:spChg chg="mod ord">
          <ac:chgData name="Matias Vázquez Piñón" userId="2f86a967-3c9c-4a39-b538-7e6c0574d83d" providerId="ADAL" clId="{6594851D-CEE0-4A2C-876F-BED761A92EC3}" dt="2022-08-19T08:22:00.068" v="1461" actId="20577"/>
          <ac:spMkLst>
            <pc:docMk/>
            <pc:sldMk cId="3675564955" sldId="267"/>
            <ac:spMk id="2" creationId="{AB517934-053F-FF86-552E-F307D2D9DA4B}"/>
          </ac:spMkLst>
        </pc:spChg>
        <pc:spChg chg="mod ord">
          <ac:chgData name="Matias Vázquez Piñón" userId="2f86a967-3c9c-4a39-b538-7e6c0574d83d" providerId="ADAL" clId="{6594851D-CEE0-4A2C-876F-BED761A92EC3}" dt="2022-08-19T08:14:20.804" v="1456" actId="700"/>
          <ac:spMkLst>
            <pc:docMk/>
            <pc:sldMk cId="3675564955" sldId="267"/>
            <ac:spMk id="3" creationId="{AABEEDF2-3645-C5F3-5BD8-BF18B54D8105}"/>
          </ac:spMkLst>
        </pc:spChg>
        <pc:spChg chg="mod ord">
          <ac:chgData name="Matias Vázquez Piñón" userId="2f86a967-3c9c-4a39-b538-7e6c0574d83d" providerId="ADAL" clId="{6594851D-CEE0-4A2C-876F-BED761A92EC3}" dt="2022-08-19T08:31:44.959" v="1699" actId="20577"/>
          <ac:spMkLst>
            <pc:docMk/>
            <pc:sldMk cId="3675564955" sldId="267"/>
            <ac:spMk id="6" creationId="{A2A309B0-A3E7-707D-2E82-3AC7B3C91B3A}"/>
          </ac:spMkLst>
        </pc:spChg>
        <pc:picChg chg="mod ord">
          <ac:chgData name="Matias Vázquez Piñón" userId="2f86a967-3c9c-4a39-b538-7e6c0574d83d" providerId="ADAL" clId="{6594851D-CEE0-4A2C-876F-BED761A92EC3}" dt="2022-08-19T08:25:20.321" v="1658" actId="1076"/>
          <ac:picMkLst>
            <pc:docMk/>
            <pc:sldMk cId="3675564955" sldId="267"/>
            <ac:picMk id="7" creationId="{1AC9C3A6-69CC-E4E1-1252-A22F3B2C6BD0}"/>
          </ac:picMkLst>
        </pc:picChg>
      </pc:sldChg>
      <pc:sldChg chg="addSp delSp modSp del mod ord">
        <pc:chgData name="Matias Vázquez Piñón" userId="2f86a967-3c9c-4a39-b538-7e6c0574d83d" providerId="ADAL" clId="{6594851D-CEE0-4A2C-876F-BED761A92EC3}" dt="2022-08-23T11:11:12.809" v="2936" actId="47"/>
        <pc:sldMkLst>
          <pc:docMk/>
          <pc:sldMk cId="602807936" sldId="268"/>
        </pc:sldMkLst>
        <pc:spChg chg="mod">
          <ac:chgData name="Matias Vázquez Piñón" userId="2f86a967-3c9c-4a39-b538-7e6c0574d83d" providerId="ADAL" clId="{6594851D-CEE0-4A2C-876F-BED761A92EC3}" dt="2022-08-19T08:25:35.891" v="1671" actId="20577"/>
          <ac:spMkLst>
            <pc:docMk/>
            <pc:sldMk cId="602807936" sldId="268"/>
            <ac:spMk id="2" creationId="{6B8DF16B-DD8F-2544-5204-248394A34FEC}"/>
          </ac:spMkLst>
        </pc:spChg>
        <pc:spChg chg="add mod">
          <ac:chgData name="Matias Vázquez Piñón" userId="2f86a967-3c9c-4a39-b538-7e6c0574d83d" providerId="ADAL" clId="{6594851D-CEE0-4A2C-876F-BED761A92EC3}" dt="2022-08-23T10:41:35.486" v="2609" actId="478"/>
          <ac:spMkLst>
            <pc:docMk/>
            <pc:sldMk cId="602807936" sldId="268"/>
            <ac:spMk id="3" creationId="{28C3B11E-41AA-F4BB-A6AE-619B8764FAD9}"/>
          </ac:spMkLst>
        </pc:spChg>
        <pc:spChg chg="mod">
          <ac:chgData name="Matias Vázquez Piñón" userId="2f86a967-3c9c-4a39-b538-7e6c0574d83d" providerId="ADAL" clId="{6594851D-CEE0-4A2C-876F-BED761A92EC3}" dt="2022-08-15T10:00:34.599" v="171" actId="27636"/>
          <ac:spMkLst>
            <pc:docMk/>
            <pc:sldMk cId="602807936" sldId="268"/>
            <ac:spMk id="22" creationId="{C95292B4-10FE-F094-FFE9-2CCE537F3428}"/>
          </ac:spMkLst>
        </pc:spChg>
        <pc:picChg chg="del">
          <ac:chgData name="Matias Vázquez Piñón" userId="2f86a967-3c9c-4a39-b538-7e6c0574d83d" providerId="ADAL" clId="{6594851D-CEE0-4A2C-876F-BED761A92EC3}" dt="2022-08-23T10:41:35.486" v="2609" actId="478"/>
          <ac:picMkLst>
            <pc:docMk/>
            <pc:sldMk cId="602807936" sldId="268"/>
            <ac:picMk id="25" creationId="{BF26DA05-E5E6-284C-ADE7-F6DDF7D91929}"/>
          </ac:picMkLst>
        </pc:picChg>
      </pc:sldChg>
      <pc:sldChg chg="del">
        <pc:chgData name="Matias Vázquez Piñón" userId="2f86a967-3c9c-4a39-b538-7e6c0574d83d" providerId="ADAL" clId="{6594851D-CEE0-4A2C-876F-BED761A92EC3}" dt="2022-08-19T08:27:01.373" v="1674" actId="47"/>
        <pc:sldMkLst>
          <pc:docMk/>
          <pc:sldMk cId="4285240144" sldId="270"/>
        </pc:sldMkLst>
      </pc:sldChg>
      <pc:sldChg chg="del">
        <pc:chgData name="Matias Vázquez Piñón" userId="2f86a967-3c9c-4a39-b538-7e6c0574d83d" providerId="ADAL" clId="{6594851D-CEE0-4A2C-876F-BED761A92EC3}" dt="2022-08-19T08:27:13.467" v="1675" actId="47"/>
        <pc:sldMkLst>
          <pc:docMk/>
          <pc:sldMk cId="2588015621" sldId="272"/>
        </pc:sldMkLst>
      </pc:sldChg>
      <pc:sldChg chg="del">
        <pc:chgData name="Matias Vázquez Piñón" userId="2f86a967-3c9c-4a39-b538-7e6c0574d83d" providerId="ADAL" clId="{6594851D-CEE0-4A2C-876F-BED761A92EC3}" dt="2022-08-19T08:27:19.534" v="1676" actId="47"/>
        <pc:sldMkLst>
          <pc:docMk/>
          <pc:sldMk cId="2168727543" sldId="273"/>
        </pc:sldMkLst>
      </pc:sldChg>
      <pc:sldChg chg="del">
        <pc:chgData name="Matias Vázquez Piñón" userId="2f86a967-3c9c-4a39-b538-7e6c0574d83d" providerId="ADAL" clId="{6594851D-CEE0-4A2C-876F-BED761A92EC3}" dt="2022-08-19T08:27:20.664" v="1677" actId="47"/>
        <pc:sldMkLst>
          <pc:docMk/>
          <pc:sldMk cId="358722331" sldId="274"/>
        </pc:sldMkLst>
      </pc:sldChg>
      <pc:sldChg chg="modSp del mod">
        <pc:chgData name="Matias Vázquez Piñón" userId="2f86a967-3c9c-4a39-b538-7e6c0574d83d" providerId="ADAL" clId="{6594851D-CEE0-4A2C-876F-BED761A92EC3}" dt="2022-08-19T08:27:29.376" v="1678" actId="47"/>
        <pc:sldMkLst>
          <pc:docMk/>
          <pc:sldMk cId="2652427712" sldId="275"/>
        </pc:sldMkLst>
        <pc:graphicFrameChg chg="modGraphic">
          <ac:chgData name="Matias Vázquez Piñón" userId="2f86a967-3c9c-4a39-b538-7e6c0574d83d" providerId="ADAL" clId="{6594851D-CEE0-4A2C-876F-BED761A92EC3}" dt="2022-08-15T10:01:04.561" v="173" actId="12385"/>
          <ac:graphicFrameMkLst>
            <pc:docMk/>
            <pc:sldMk cId="2652427712" sldId="275"/>
            <ac:graphicFrameMk id="6" creationId="{031046F1-DFBE-16BE-4F04-443AC5709B33}"/>
          </ac:graphicFrameMkLst>
        </pc:graphicFrameChg>
      </pc:sldChg>
      <pc:sldChg chg="modSp new mod ord">
        <pc:chgData name="Matias Vázquez Piñón" userId="2f86a967-3c9c-4a39-b538-7e6c0574d83d" providerId="ADAL" clId="{6594851D-CEE0-4A2C-876F-BED761A92EC3}" dt="2022-08-16T14:06:27.448" v="361" actId="20577"/>
        <pc:sldMkLst>
          <pc:docMk/>
          <pc:sldMk cId="2429412400" sldId="276"/>
        </pc:sldMkLst>
        <pc:spChg chg="mod">
          <ac:chgData name="Matias Vázquez Piñón" userId="2f86a967-3c9c-4a39-b538-7e6c0574d83d" providerId="ADAL" clId="{6594851D-CEE0-4A2C-876F-BED761A92EC3}" dt="2022-08-15T10:03:03.230" v="236" actId="20577"/>
          <ac:spMkLst>
            <pc:docMk/>
            <pc:sldMk cId="2429412400" sldId="276"/>
            <ac:spMk id="2" creationId="{5FB5D724-7A69-F201-D7A3-2751D2E6CEC0}"/>
          </ac:spMkLst>
        </pc:spChg>
        <pc:spChg chg="mod">
          <ac:chgData name="Matias Vázquez Piñón" userId="2f86a967-3c9c-4a39-b538-7e6c0574d83d" providerId="ADAL" clId="{6594851D-CEE0-4A2C-876F-BED761A92EC3}" dt="2022-08-16T14:06:27.448" v="361" actId="20577"/>
          <ac:spMkLst>
            <pc:docMk/>
            <pc:sldMk cId="2429412400" sldId="276"/>
            <ac:spMk id="3" creationId="{842DB822-089B-CD2E-DD66-1D551B373CE8}"/>
          </ac:spMkLst>
        </pc:spChg>
      </pc:sldChg>
      <pc:sldChg chg="modSp new mod ord">
        <pc:chgData name="Matias Vázquez Piñón" userId="2f86a967-3c9c-4a39-b538-7e6c0574d83d" providerId="ADAL" clId="{6594851D-CEE0-4A2C-876F-BED761A92EC3}" dt="2022-08-16T14:06:38.424" v="363" actId="20577"/>
        <pc:sldMkLst>
          <pc:docMk/>
          <pc:sldMk cId="3779636042" sldId="277"/>
        </pc:sldMkLst>
        <pc:spChg chg="mod">
          <ac:chgData name="Matias Vázquez Piñón" userId="2f86a967-3c9c-4a39-b538-7e6c0574d83d" providerId="ADAL" clId="{6594851D-CEE0-4A2C-876F-BED761A92EC3}" dt="2022-08-15T10:03:39.606" v="260" actId="20577"/>
          <ac:spMkLst>
            <pc:docMk/>
            <pc:sldMk cId="3779636042" sldId="277"/>
            <ac:spMk id="2" creationId="{0DA10F91-0D5A-CD52-A658-0677B4124440}"/>
          </ac:spMkLst>
        </pc:spChg>
        <pc:spChg chg="mod">
          <ac:chgData name="Matias Vázquez Piñón" userId="2f86a967-3c9c-4a39-b538-7e6c0574d83d" providerId="ADAL" clId="{6594851D-CEE0-4A2C-876F-BED761A92EC3}" dt="2022-08-16T14:06:38.424" v="363" actId="20577"/>
          <ac:spMkLst>
            <pc:docMk/>
            <pc:sldMk cId="3779636042" sldId="277"/>
            <ac:spMk id="3" creationId="{97FE3A81-9DAC-5520-6203-F35336D8693C}"/>
          </ac:spMkLst>
        </pc:spChg>
      </pc:sldChg>
      <pc:sldChg chg="modSp new mod">
        <pc:chgData name="Matias Vázquez Piñón" userId="2f86a967-3c9c-4a39-b538-7e6c0574d83d" providerId="ADAL" clId="{6594851D-CEE0-4A2C-876F-BED761A92EC3}" dt="2022-08-16T14:06:41.282" v="364"/>
        <pc:sldMkLst>
          <pc:docMk/>
          <pc:sldMk cId="3286921969" sldId="278"/>
        </pc:sldMkLst>
        <pc:spChg chg="mod">
          <ac:chgData name="Matias Vázquez Piñón" userId="2f86a967-3c9c-4a39-b538-7e6c0574d83d" providerId="ADAL" clId="{6594851D-CEE0-4A2C-876F-BED761A92EC3}" dt="2022-08-15T10:04:27.815" v="287" actId="20577"/>
          <ac:spMkLst>
            <pc:docMk/>
            <pc:sldMk cId="3286921969" sldId="278"/>
            <ac:spMk id="2" creationId="{C87C9399-AEC1-19C4-A666-76E7C1027CFE}"/>
          </ac:spMkLst>
        </pc:spChg>
        <pc:spChg chg="mod">
          <ac:chgData name="Matias Vázquez Piñón" userId="2f86a967-3c9c-4a39-b538-7e6c0574d83d" providerId="ADAL" clId="{6594851D-CEE0-4A2C-876F-BED761A92EC3}" dt="2022-08-16T14:06:41.282" v="364"/>
          <ac:spMkLst>
            <pc:docMk/>
            <pc:sldMk cId="3286921969" sldId="278"/>
            <ac:spMk id="3" creationId="{FA864493-C257-F2BA-172D-F5CCAB623D3D}"/>
          </ac:spMkLst>
        </pc:spChg>
      </pc:sldChg>
      <pc:sldChg chg="modSp new mod ord">
        <pc:chgData name="Matias Vázquez Piñón" userId="2f86a967-3c9c-4a39-b538-7e6c0574d83d" providerId="ADAL" clId="{6594851D-CEE0-4A2C-876F-BED761A92EC3}" dt="2022-08-19T08:07:12.940" v="1308"/>
        <pc:sldMkLst>
          <pc:docMk/>
          <pc:sldMk cId="262411750" sldId="279"/>
        </pc:sldMkLst>
        <pc:spChg chg="mod">
          <ac:chgData name="Matias Vázquez Piñón" userId="2f86a967-3c9c-4a39-b538-7e6c0574d83d" providerId="ADAL" clId="{6594851D-CEE0-4A2C-876F-BED761A92EC3}" dt="2022-08-15T10:04:53.449" v="332" actId="20577"/>
          <ac:spMkLst>
            <pc:docMk/>
            <pc:sldMk cId="262411750" sldId="279"/>
            <ac:spMk id="2" creationId="{F7EE76C3-9EA9-BDBF-2A47-E34A54F7D3EC}"/>
          </ac:spMkLst>
        </pc:spChg>
        <pc:spChg chg="mod">
          <ac:chgData name="Matias Vázquez Piñón" userId="2f86a967-3c9c-4a39-b538-7e6c0574d83d" providerId="ADAL" clId="{6594851D-CEE0-4A2C-876F-BED761A92EC3}" dt="2022-08-16T14:06:51.141" v="366" actId="20577"/>
          <ac:spMkLst>
            <pc:docMk/>
            <pc:sldMk cId="262411750" sldId="279"/>
            <ac:spMk id="3" creationId="{07D9240F-5618-81AC-02A1-14493128452D}"/>
          </ac:spMkLst>
        </pc:spChg>
      </pc:sldChg>
      <pc:sldChg chg="addSp delSp modSp new mod">
        <pc:chgData name="Matias Vázquez Piñón" userId="2f86a967-3c9c-4a39-b538-7e6c0574d83d" providerId="ADAL" clId="{6594851D-CEE0-4A2C-876F-BED761A92EC3}" dt="2022-08-16T14:16:02.793" v="869" actId="120"/>
        <pc:sldMkLst>
          <pc:docMk/>
          <pc:sldMk cId="2866640030" sldId="280"/>
        </pc:sldMkLst>
        <pc:spChg chg="mod">
          <ac:chgData name="Matias Vázquez Piñón" userId="2f86a967-3c9c-4a39-b538-7e6c0574d83d" providerId="ADAL" clId="{6594851D-CEE0-4A2C-876F-BED761A92EC3}" dt="2022-08-16T14:10:00.047" v="471" actId="20577"/>
          <ac:spMkLst>
            <pc:docMk/>
            <pc:sldMk cId="2866640030" sldId="280"/>
            <ac:spMk id="2" creationId="{A0A0C4EF-3578-50F1-F40B-142FB05C1FA2}"/>
          </ac:spMkLst>
        </pc:spChg>
        <pc:spChg chg="mod">
          <ac:chgData name="Matias Vázquez Piñón" userId="2f86a967-3c9c-4a39-b538-7e6c0574d83d" providerId="ADAL" clId="{6594851D-CEE0-4A2C-876F-BED761A92EC3}" dt="2022-08-16T14:16:02.793" v="869" actId="120"/>
          <ac:spMkLst>
            <pc:docMk/>
            <pc:sldMk cId="2866640030" sldId="280"/>
            <ac:spMk id="3" creationId="{C8880725-AB83-D59C-0D80-73C0B849BD69}"/>
          </ac:spMkLst>
        </pc:spChg>
        <pc:spChg chg="del">
          <ac:chgData name="Matias Vázquez Piñón" userId="2f86a967-3c9c-4a39-b538-7e6c0574d83d" providerId="ADAL" clId="{6594851D-CEE0-4A2C-876F-BED761A92EC3}" dt="2022-08-16T14:09:18.525" v="373" actId="22"/>
          <ac:spMkLst>
            <pc:docMk/>
            <pc:sldMk cId="2866640030" sldId="280"/>
            <ac:spMk id="4" creationId="{1CC7DA27-ADE6-D472-AF5E-A5439EA0E4F9}"/>
          </ac:spMkLst>
        </pc:spChg>
        <pc:picChg chg="add mod ord">
          <ac:chgData name="Matias Vázquez Piñón" userId="2f86a967-3c9c-4a39-b538-7e6c0574d83d" providerId="ADAL" clId="{6594851D-CEE0-4A2C-876F-BED761A92EC3}" dt="2022-08-16T14:09:18.525" v="373" actId="22"/>
          <ac:picMkLst>
            <pc:docMk/>
            <pc:sldMk cId="2866640030" sldId="280"/>
            <ac:picMk id="7" creationId="{6B4BB270-FC27-B187-D93C-84FA0FC98E78}"/>
          </ac:picMkLst>
        </pc:picChg>
      </pc:sldChg>
      <pc:sldChg chg="addSp delSp modSp new mod">
        <pc:chgData name="Matias Vázquez Piñón" userId="2f86a967-3c9c-4a39-b538-7e6c0574d83d" providerId="ADAL" clId="{6594851D-CEE0-4A2C-876F-BED761A92EC3}" dt="2022-08-16T14:33:01.688" v="1306"/>
        <pc:sldMkLst>
          <pc:docMk/>
          <pc:sldMk cId="2657048017" sldId="281"/>
        </pc:sldMkLst>
        <pc:spChg chg="mod">
          <ac:chgData name="Matias Vázquez Piñón" userId="2f86a967-3c9c-4a39-b538-7e6c0574d83d" providerId="ADAL" clId="{6594851D-CEE0-4A2C-876F-BED761A92EC3}" dt="2022-08-16T14:27:03.823" v="1017" actId="20577"/>
          <ac:spMkLst>
            <pc:docMk/>
            <pc:sldMk cId="2657048017" sldId="281"/>
            <ac:spMk id="2" creationId="{C5467F25-6D54-2C74-127B-7EDC0CC06488}"/>
          </ac:spMkLst>
        </pc:spChg>
        <pc:spChg chg="mod">
          <ac:chgData name="Matias Vázquez Piñón" userId="2f86a967-3c9c-4a39-b538-7e6c0574d83d" providerId="ADAL" clId="{6594851D-CEE0-4A2C-876F-BED761A92EC3}" dt="2022-08-16T14:33:01.688" v="1306"/>
          <ac:spMkLst>
            <pc:docMk/>
            <pc:sldMk cId="2657048017" sldId="281"/>
            <ac:spMk id="3" creationId="{5AC65F18-17AC-A7DC-7F31-C4210AEE0E52}"/>
          </ac:spMkLst>
        </pc:spChg>
        <pc:spChg chg="del">
          <ac:chgData name="Matias Vázquez Piñón" userId="2f86a967-3c9c-4a39-b538-7e6c0574d83d" providerId="ADAL" clId="{6594851D-CEE0-4A2C-876F-BED761A92EC3}" dt="2022-08-16T14:27:21.771" v="1020"/>
          <ac:spMkLst>
            <pc:docMk/>
            <pc:sldMk cId="2657048017" sldId="281"/>
            <ac:spMk id="4" creationId="{FAFAE114-377B-673C-2ECF-DCA48C38C1B7}"/>
          </ac:spMkLst>
        </pc:spChg>
        <pc:spChg chg="del">
          <ac:chgData name="Matias Vázquez Piñón" userId="2f86a967-3c9c-4a39-b538-7e6c0574d83d" providerId="ADAL" clId="{6594851D-CEE0-4A2C-876F-BED761A92EC3}" dt="2022-08-16T14:27:52.485" v="1025" actId="22"/>
          <ac:spMkLst>
            <pc:docMk/>
            <pc:sldMk cId="2657048017" sldId="281"/>
            <ac:spMk id="5" creationId="{A2FB849E-7E68-AAAD-AD28-92876D73B51E}"/>
          </ac:spMkLst>
        </pc:spChg>
        <pc:spChg chg="add mod">
          <ac:chgData name="Matias Vázquez Piñón" userId="2f86a967-3c9c-4a39-b538-7e6c0574d83d" providerId="ADAL" clId="{6594851D-CEE0-4A2C-876F-BED761A92EC3}" dt="2022-08-16T14:29:54.500" v="1080" actId="1076"/>
          <ac:spMkLst>
            <pc:docMk/>
            <pc:sldMk cId="2657048017" sldId="281"/>
            <ac:spMk id="12" creationId="{C5F082DC-50E9-BA8C-C1D2-0CF2DC2D9B64}"/>
          </ac:spMkLst>
        </pc:spChg>
        <pc:spChg chg="add mod">
          <ac:chgData name="Matias Vázquez Piñón" userId="2f86a967-3c9c-4a39-b538-7e6c0574d83d" providerId="ADAL" clId="{6594851D-CEE0-4A2C-876F-BED761A92EC3}" dt="2022-08-16T14:29:06.953" v="1074" actId="20577"/>
          <ac:spMkLst>
            <pc:docMk/>
            <pc:sldMk cId="2657048017" sldId="281"/>
            <ac:spMk id="13" creationId="{2B9AFA17-E88C-4FD4-9238-CB5C9DCD3150}"/>
          </ac:spMkLst>
        </pc:spChg>
        <pc:picChg chg="add del">
          <ac:chgData name="Matias Vázquez Piñón" userId="2f86a967-3c9c-4a39-b538-7e6c0574d83d" providerId="ADAL" clId="{6594851D-CEE0-4A2C-876F-BED761A92EC3}" dt="2022-08-16T14:27:19.866" v="1019" actId="21"/>
          <ac:picMkLst>
            <pc:docMk/>
            <pc:sldMk cId="2657048017" sldId="281"/>
            <ac:picMk id="8" creationId="{9AA9697D-E603-CA41-FB1B-8B9BAF85C2A4}"/>
          </ac:picMkLst>
        </pc:picChg>
        <pc:picChg chg="add mod">
          <ac:chgData name="Matias Vázquez Piñón" userId="2f86a967-3c9c-4a39-b538-7e6c0574d83d" providerId="ADAL" clId="{6594851D-CEE0-4A2C-876F-BED761A92EC3}" dt="2022-08-16T14:29:34.459" v="1077" actId="18131"/>
          <ac:picMkLst>
            <pc:docMk/>
            <pc:sldMk cId="2657048017" sldId="281"/>
            <ac:picMk id="9" creationId="{F63CA2B3-686B-94D5-8BF6-6EB664842E4C}"/>
          </ac:picMkLst>
        </pc:picChg>
        <pc:picChg chg="add mod ord modCrop">
          <ac:chgData name="Matias Vázquez Piñón" userId="2f86a967-3c9c-4a39-b538-7e6c0574d83d" providerId="ADAL" clId="{6594851D-CEE0-4A2C-876F-BED761A92EC3}" dt="2022-08-16T14:29:49.899" v="1079" actId="18131"/>
          <ac:picMkLst>
            <pc:docMk/>
            <pc:sldMk cId="2657048017" sldId="281"/>
            <ac:picMk id="11" creationId="{E6339704-9402-6047-33F7-CEDF841E3DB5}"/>
          </ac:picMkLst>
        </pc:picChg>
      </pc:sldChg>
      <pc:sldChg chg="addSp delSp modSp mod chgLayout">
        <pc:chgData name="Matias Vázquez Piñón" userId="2f86a967-3c9c-4a39-b538-7e6c0574d83d" providerId="ADAL" clId="{6594851D-CEE0-4A2C-876F-BED761A92EC3}" dt="2022-08-23T14:05:06.544" v="3343" actId="20577"/>
        <pc:sldMkLst>
          <pc:docMk/>
          <pc:sldMk cId="2473330086" sldId="295"/>
        </pc:sldMkLst>
        <pc:spChg chg="add del mod ord">
          <ac:chgData name="Matias Vázquez Piñón" userId="2f86a967-3c9c-4a39-b538-7e6c0574d83d" providerId="ADAL" clId="{6594851D-CEE0-4A2C-876F-BED761A92EC3}" dt="2022-08-23T14:04:49.277" v="3318" actId="700"/>
          <ac:spMkLst>
            <pc:docMk/>
            <pc:sldMk cId="2473330086" sldId="295"/>
            <ac:spMk id="2" creationId="{7C2956A2-A311-F459-56FB-69EF3FF0EB67}"/>
          </ac:spMkLst>
        </pc:spChg>
        <pc:spChg chg="mod ord">
          <ac:chgData name="Matias Vázquez Piñón" userId="2f86a967-3c9c-4a39-b538-7e6c0574d83d" providerId="ADAL" clId="{6594851D-CEE0-4A2C-876F-BED761A92EC3}" dt="2022-08-23T14:04:49.277" v="3318" actId="700"/>
          <ac:spMkLst>
            <pc:docMk/>
            <pc:sldMk cId="2473330086" sldId="295"/>
            <ac:spMk id="5" creationId="{3CE86259-A478-FA8D-018D-21501FFD6FD6}"/>
          </ac:spMkLst>
        </pc:spChg>
        <pc:spChg chg="mod ord">
          <ac:chgData name="Matias Vázquez Piñón" userId="2f86a967-3c9c-4a39-b538-7e6c0574d83d" providerId="ADAL" clId="{6594851D-CEE0-4A2C-876F-BED761A92EC3}" dt="2022-08-23T14:05:06.544" v="3343" actId="20577"/>
          <ac:spMkLst>
            <pc:docMk/>
            <pc:sldMk cId="2473330086" sldId="295"/>
            <ac:spMk id="6" creationId="{34007F3E-9AAC-1E56-D590-855686936CCD}"/>
          </ac:spMkLst>
        </pc:spChg>
        <pc:spChg chg="mod ord">
          <ac:chgData name="Matias Vázquez Piñón" userId="2f86a967-3c9c-4a39-b538-7e6c0574d83d" providerId="ADAL" clId="{6594851D-CEE0-4A2C-876F-BED761A92EC3}" dt="2022-08-23T14:04:49.277" v="3318" actId="700"/>
          <ac:spMkLst>
            <pc:docMk/>
            <pc:sldMk cId="2473330086" sldId="295"/>
            <ac:spMk id="7" creationId="{7ABD9E20-3E63-2A06-A278-DD3FCB5BA0AC}"/>
          </ac:spMkLst>
        </pc:spChg>
      </pc:sldChg>
      <pc:sldChg chg="addSp delSp modSp new mod ord modClrScheme chgLayout">
        <pc:chgData name="Matias Vázquez Piñón" userId="2f86a967-3c9c-4a39-b538-7e6c0574d83d" providerId="ADAL" clId="{6594851D-CEE0-4A2C-876F-BED761A92EC3}" dt="2022-08-23T10:40:16.573" v="2608" actId="478"/>
        <pc:sldMkLst>
          <pc:docMk/>
          <pc:sldMk cId="3451113877" sldId="296"/>
        </pc:sldMkLst>
        <pc:spChg chg="del mod ord">
          <ac:chgData name="Matias Vázquez Piñón" userId="2f86a967-3c9c-4a39-b538-7e6c0574d83d" providerId="ADAL" clId="{6594851D-CEE0-4A2C-876F-BED761A92EC3}" dt="2022-08-23T07:56:34.265" v="1703" actId="700"/>
          <ac:spMkLst>
            <pc:docMk/>
            <pc:sldMk cId="3451113877" sldId="296"/>
            <ac:spMk id="2" creationId="{B10ADCE4-12C0-B176-1B48-096FFB9F1F00}"/>
          </ac:spMkLst>
        </pc:spChg>
        <pc:spChg chg="del mod ord">
          <ac:chgData name="Matias Vázquez Piñón" userId="2f86a967-3c9c-4a39-b538-7e6c0574d83d" providerId="ADAL" clId="{6594851D-CEE0-4A2C-876F-BED761A92EC3}" dt="2022-08-23T07:56:34.265" v="1703" actId="700"/>
          <ac:spMkLst>
            <pc:docMk/>
            <pc:sldMk cId="3451113877" sldId="296"/>
            <ac:spMk id="3" creationId="{D99D1CBE-AC5A-104D-08FB-674CA6FD77A0}"/>
          </ac:spMkLst>
        </pc:spChg>
        <pc:spChg chg="del">
          <ac:chgData name="Matias Vázquez Piñón" userId="2f86a967-3c9c-4a39-b538-7e6c0574d83d" providerId="ADAL" clId="{6594851D-CEE0-4A2C-876F-BED761A92EC3}" dt="2022-08-23T07:56:34.265" v="1703" actId="700"/>
          <ac:spMkLst>
            <pc:docMk/>
            <pc:sldMk cId="3451113877" sldId="296"/>
            <ac:spMk id="4" creationId="{24989AD0-B6C9-6C88-A0BE-CA17430ADDB0}"/>
          </ac:spMkLst>
        </pc:spChg>
        <pc:spChg chg="mod ord">
          <ac:chgData name="Matias Vázquez Piñón" userId="2f86a967-3c9c-4a39-b538-7e6c0574d83d" providerId="ADAL" clId="{6594851D-CEE0-4A2C-876F-BED761A92EC3}" dt="2022-08-23T10:39:29.021" v="2599" actId="26606"/>
          <ac:spMkLst>
            <pc:docMk/>
            <pc:sldMk cId="3451113877" sldId="296"/>
            <ac:spMk id="5" creationId="{212DECE0-B7BC-6B8C-4FBA-07C43735591E}"/>
          </ac:spMkLst>
        </pc:spChg>
        <pc:spChg chg="add mod ord">
          <ac:chgData name="Matias Vázquez Piñón" userId="2f86a967-3c9c-4a39-b538-7e6c0574d83d" providerId="ADAL" clId="{6594851D-CEE0-4A2C-876F-BED761A92EC3}" dt="2022-08-23T10:39:29.021" v="2599" actId="26606"/>
          <ac:spMkLst>
            <pc:docMk/>
            <pc:sldMk cId="3451113877" sldId="296"/>
            <ac:spMk id="6" creationId="{596685D5-B7E8-EC7A-7FCE-81735F69E848}"/>
          </ac:spMkLst>
        </pc:spChg>
        <pc:spChg chg="add del mod ord">
          <ac:chgData name="Matias Vázquez Piñón" userId="2f86a967-3c9c-4a39-b538-7e6c0574d83d" providerId="ADAL" clId="{6594851D-CEE0-4A2C-876F-BED761A92EC3}" dt="2022-08-23T10:39:29.021" v="2599" actId="26606"/>
          <ac:spMkLst>
            <pc:docMk/>
            <pc:sldMk cId="3451113877" sldId="296"/>
            <ac:spMk id="7" creationId="{22E25C78-7D4D-A985-DD37-65537444D6F1}"/>
          </ac:spMkLst>
        </pc:spChg>
        <pc:spChg chg="add del mod">
          <ac:chgData name="Matias Vázquez Piñón" userId="2f86a967-3c9c-4a39-b538-7e6c0574d83d" providerId="ADAL" clId="{6594851D-CEE0-4A2C-876F-BED761A92EC3}" dt="2022-08-23T10:39:14.667" v="2595" actId="21"/>
          <ac:spMkLst>
            <pc:docMk/>
            <pc:sldMk cId="3451113877" sldId="296"/>
            <ac:spMk id="17" creationId="{EAD7966C-8823-2216-4B96-658A578210A9}"/>
          </ac:spMkLst>
        </pc:spChg>
        <pc:spChg chg="add del mod">
          <ac:chgData name="Matias Vázquez Piñón" userId="2f86a967-3c9c-4a39-b538-7e6c0574d83d" providerId="ADAL" clId="{6594851D-CEE0-4A2C-876F-BED761A92EC3}" dt="2022-08-23T10:39:14.355" v="2594"/>
          <ac:spMkLst>
            <pc:docMk/>
            <pc:sldMk cId="3451113877" sldId="296"/>
            <ac:spMk id="18" creationId="{FA380F1D-8343-9B25-8E63-3350BEE9A194}"/>
          </ac:spMkLst>
        </pc:spChg>
        <pc:spChg chg="add del mod ord">
          <ac:chgData name="Matias Vázquez Piñón" userId="2f86a967-3c9c-4a39-b538-7e6c0574d83d" providerId="ADAL" clId="{6594851D-CEE0-4A2C-876F-BED761A92EC3}" dt="2022-08-23T10:39:21.814" v="2598"/>
          <ac:spMkLst>
            <pc:docMk/>
            <pc:sldMk cId="3451113877" sldId="296"/>
            <ac:spMk id="19" creationId="{4C2D0975-FF8A-9ECD-D190-61C400DE71A5}"/>
          </ac:spMkLst>
        </pc:spChg>
        <pc:spChg chg="add del mod">
          <ac:chgData name="Matias Vázquez Piñón" userId="2f86a967-3c9c-4a39-b538-7e6c0574d83d" providerId="ADAL" clId="{6594851D-CEE0-4A2C-876F-BED761A92EC3}" dt="2022-08-23T10:39:48.151" v="2605"/>
          <ac:spMkLst>
            <pc:docMk/>
            <pc:sldMk cId="3451113877" sldId="296"/>
            <ac:spMk id="21" creationId="{964C1D91-A42F-AAE4-F40E-B23D6BF75F8F}"/>
          </ac:spMkLst>
        </pc:spChg>
        <pc:spChg chg="add del mod">
          <ac:chgData name="Matias Vázquez Piñón" userId="2f86a967-3c9c-4a39-b538-7e6c0574d83d" providerId="ADAL" clId="{6594851D-CEE0-4A2C-876F-BED761A92EC3}" dt="2022-08-23T10:40:16.573" v="2608" actId="478"/>
          <ac:spMkLst>
            <pc:docMk/>
            <pc:sldMk cId="3451113877" sldId="296"/>
            <ac:spMk id="26" creationId="{B3B9ECD4-9F67-AB29-C90C-7F914A00CF84}"/>
          </ac:spMkLst>
        </pc:spChg>
        <pc:spChg chg="mod">
          <ac:chgData name="Matias Vázquez Piñón" userId="2f86a967-3c9c-4a39-b538-7e6c0574d83d" providerId="ADAL" clId="{6594851D-CEE0-4A2C-876F-BED761A92EC3}" dt="2022-08-23T10:40:13.485" v="2607"/>
          <ac:spMkLst>
            <pc:docMk/>
            <pc:sldMk cId="3451113877" sldId="296"/>
            <ac:spMk id="29" creationId="{B779BB4F-2CB3-C0F3-19FC-661F59CB09CE}"/>
          </ac:spMkLst>
        </pc:spChg>
        <pc:spChg chg="mod">
          <ac:chgData name="Matias Vázquez Piñón" userId="2f86a967-3c9c-4a39-b538-7e6c0574d83d" providerId="ADAL" clId="{6594851D-CEE0-4A2C-876F-BED761A92EC3}" dt="2022-08-23T10:40:13.485" v="2607"/>
          <ac:spMkLst>
            <pc:docMk/>
            <pc:sldMk cId="3451113877" sldId="296"/>
            <ac:spMk id="30" creationId="{B77C55CD-A389-B281-D72E-9AAA2AE2D4EA}"/>
          </ac:spMkLst>
        </pc:spChg>
        <pc:spChg chg="mod">
          <ac:chgData name="Matias Vázquez Piñón" userId="2f86a967-3c9c-4a39-b538-7e6c0574d83d" providerId="ADAL" clId="{6594851D-CEE0-4A2C-876F-BED761A92EC3}" dt="2022-08-23T10:40:13.485" v="2607"/>
          <ac:spMkLst>
            <pc:docMk/>
            <pc:sldMk cId="3451113877" sldId="296"/>
            <ac:spMk id="32" creationId="{80FBF7EE-403A-B050-8F9B-A95303ACDA01}"/>
          </ac:spMkLst>
        </pc:spChg>
        <pc:spChg chg="mod">
          <ac:chgData name="Matias Vázquez Piñón" userId="2f86a967-3c9c-4a39-b538-7e6c0574d83d" providerId="ADAL" clId="{6594851D-CEE0-4A2C-876F-BED761A92EC3}" dt="2022-08-23T10:40:13.485" v="2607"/>
          <ac:spMkLst>
            <pc:docMk/>
            <pc:sldMk cId="3451113877" sldId="296"/>
            <ac:spMk id="33" creationId="{B60642F3-CF23-096D-0517-25E207360C9B}"/>
          </ac:spMkLst>
        </pc:spChg>
        <pc:spChg chg="add mod">
          <ac:chgData name="Matias Vázquez Piñón" userId="2f86a967-3c9c-4a39-b538-7e6c0574d83d" providerId="ADAL" clId="{6594851D-CEE0-4A2C-876F-BED761A92EC3}" dt="2022-08-23T10:40:13.485" v="2607"/>
          <ac:spMkLst>
            <pc:docMk/>
            <pc:sldMk cId="3451113877" sldId="296"/>
            <ac:spMk id="34" creationId="{BAEC474E-ADBA-F582-3F66-9DEF53389C66}"/>
          </ac:spMkLst>
        </pc:spChg>
        <pc:grpChg chg="add mod">
          <ac:chgData name="Matias Vázquez Piñón" userId="2f86a967-3c9c-4a39-b538-7e6c0574d83d" providerId="ADAL" clId="{6594851D-CEE0-4A2C-876F-BED761A92EC3}" dt="2022-08-23T10:40:13.485" v="2607"/>
          <ac:grpSpMkLst>
            <pc:docMk/>
            <pc:sldMk cId="3451113877" sldId="296"/>
            <ac:grpSpMk id="28" creationId="{861D5FB5-ABFB-6455-BE36-112EDF190FC5}"/>
          </ac:grpSpMkLst>
        </pc:grpChg>
        <pc:grpChg chg="add mod">
          <ac:chgData name="Matias Vázquez Piñón" userId="2f86a967-3c9c-4a39-b538-7e6c0574d83d" providerId="ADAL" clId="{6594851D-CEE0-4A2C-876F-BED761A92EC3}" dt="2022-08-23T10:40:13.485" v="2607"/>
          <ac:grpSpMkLst>
            <pc:docMk/>
            <pc:sldMk cId="3451113877" sldId="296"/>
            <ac:grpSpMk id="31" creationId="{829E8DFF-03D3-8671-5F53-284A396258F3}"/>
          </ac:grpSpMkLst>
        </pc:grpChg>
        <pc:picChg chg="add del mod modCrop">
          <ac:chgData name="Matias Vázquez Piñón" userId="2f86a967-3c9c-4a39-b538-7e6c0574d83d" providerId="ADAL" clId="{6594851D-CEE0-4A2C-876F-BED761A92EC3}" dt="2022-08-23T10:39:20.349" v="2597" actId="21"/>
          <ac:picMkLst>
            <pc:docMk/>
            <pc:sldMk cId="3451113877" sldId="296"/>
            <ac:picMk id="8" creationId="{229D5896-F944-ED28-2576-F028BDCA7F8A}"/>
          </ac:picMkLst>
        </pc:picChg>
        <pc:picChg chg="add del mod">
          <ac:chgData name="Matias Vázquez Piñón" userId="2f86a967-3c9c-4a39-b538-7e6c0574d83d" providerId="ADAL" clId="{6594851D-CEE0-4A2C-876F-BED761A92EC3}" dt="2022-08-23T10:39:43.630" v="2602" actId="478"/>
          <ac:picMkLst>
            <pc:docMk/>
            <pc:sldMk cId="3451113877" sldId="296"/>
            <ac:picMk id="20" creationId="{08666527-E772-38C0-9D09-520F5AE4ECA8}"/>
          </ac:picMkLst>
        </pc:picChg>
        <pc:picChg chg="add del mod">
          <ac:chgData name="Matias Vázquez Piñón" userId="2f86a967-3c9c-4a39-b538-7e6c0574d83d" providerId="ADAL" clId="{6594851D-CEE0-4A2C-876F-BED761A92EC3}" dt="2022-08-23T10:39:45.483" v="2604"/>
          <ac:picMkLst>
            <pc:docMk/>
            <pc:sldMk cId="3451113877" sldId="296"/>
            <ac:picMk id="22" creationId="{D1D3B936-8059-6070-8865-DA2009E87E91}"/>
          </ac:picMkLst>
        </pc:picChg>
        <pc:picChg chg="add del mod">
          <ac:chgData name="Matias Vázquez Piñón" userId="2f86a967-3c9c-4a39-b538-7e6c0574d83d" providerId="ADAL" clId="{6594851D-CEE0-4A2C-876F-BED761A92EC3}" dt="2022-08-23T10:40:12.796" v="2606" actId="478"/>
          <ac:picMkLst>
            <pc:docMk/>
            <pc:sldMk cId="3451113877" sldId="296"/>
            <ac:picMk id="25" creationId="{A080F4CE-BABF-6608-D204-45D7B85F66CA}"/>
          </ac:picMkLst>
        </pc:picChg>
        <pc:picChg chg="add mod">
          <ac:chgData name="Matias Vázquez Piñón" userId="2f86a967-3c9c-4a39-b538-7e6c0574d83d" providerId="ADAL" clId="{6594851D-CEE0-4A2C-876F-BED761A92EC3}" dt="2022-08-23T10:40:13.485" v="2607"/>
          <ac:picMkLst>
            <pc:docMk/>
            <pc:sldMk cId="3451113877" sldId="296"/>
            <ac:picMk id="27" creationId="{DB966A21-301A-F029-868C-DD75802CFF4E}"/>
          </ac:picMkLst>
        </pc:picChg>
        <pc:inkChg chg="add del">
          <ac:chgData name="Matias Vázquez Piñón" userId="2f86a967-3c9c-4a39-b538-7e6c0574d83d" providerId="ADAL" clId="{6594851D-CEE0-4A2C-876F-BED761A92EC3}" dt="2022-08-23T08:29:52.847" v="2579" actId="9405"/>
          <ac:inkMkLst>
            <pc:docMk/>
            <pc:sldMk cId="3451113877" sldId="296"/>
            <ac:inkMk id="9" creationId="{AA9F0C54-AF31-5FB0-4850-50C83316619E}"/>
          </ac:inkMkLst>
        </pc:inkChg>
        <pc:inkChg chg="add del">
          <ac:chgData name="Matias Vázquez Piñón" userId="2f86a967-3c9c-4a39-b538-7e6c0574d83d" providerId="ADAL" clId="{6594851D-CEE0-4A2C-876F-BED761A92EC3}" dt="2022-08-23T08:29:52.269" v="2578" actId="9405"/>
          <ac:inkMkLst>
            <pc:docMk/>
            <pc:sldMk cId="3451113877" sldId="296"/>
            <ac:inkMk id="10" creationId="{335D1F6B-784C-FC88-3866-AE548E31F9F1}"/>
          </ac:inkMkLst>
        </pc:inkChg>
        <pc:inkChg chg="add del">
          <ac:chgData name="Matias Vázquez Piñón" userId="2f86a967-3c9c-4a39-b538-7e6c0574d83d" providerId="ADAL" clId="{6594851D-CEE0-4A2C-876F-BED761A92EC3}" dt="2022-08-23T10:39:03.389" v="2591" actId="9405"/>
          <ac:inkMkLst>
            <pc:docMk/>
            <pc:sldMk cId="3451113877" sldId="296"/>
            <ac:inkMk id="11" creationId="{43D8C65F-B327-B7F7-18A2-872D7E33EE95}"/>
          </ac:inkMkLst>
        </pc:inkChg>
        <pc:inkChg chg="add del">
          <ac:chgData name="Matias Vázquez Piñón" userId="2f86a967-3c9c-4a39-b538-7e6c0574d83d" providerId="ADAL" clId="{6594851D-CEE0-4A2C-876F-BED761A92EC3}" dt="2022-08-23T10:39:01.347" v="2590" actId="9405"/>
          <ac:inkMkLst>
            <pc:docMk/>
            <pc:sldMk cId="3451113877" sldId="296"/>
            <ac:inkMk id="12" creationId="{82B4EFBF-8C5C-15C6-DB36-C22B47C19CFA}"/>
          </ac:inkMkLst>
        </pc:inkChg>
        <pc:inkChg chg="add del">
          <ac:chgData name="Matias Vázquez Piñón" userId="2f86a967-3c9c-4a39-b538-7e6c0574d83d" providerId="ADAL" clId="{6594851D-CEE0-4A2C-876F-BED761A92EC3}" dt="2022-08-23T10:39:00.033" v="2589" actId="9405"/>
          <ac:inkMkLst>
            <pc:docMk/>
            <pc:sldMk cId="3451113877" sldId="296"/>
            <ac:inkMk id="13" creationId="{5610918B-B261-0A20-C2DB-8952268DD5E2}"/>
          </ac:inkMkLst>
        </pc:inkChg>
        <pc:inkChg chg="add del">
          <ac:chgData name="Matias Vázquez Piñón" userId="2f86a967-3c9c-4a39-b538-7e6c0574d83d" providerId="ADAL" clId="{6594851D-CEE0-4A2C-876F-BED761A92EC3}" dt="2022-08-23T10:38:58.283" v="2588" actId="9405"/>
          <ac:inkMkLst>
            <pc:docMk/>
            <pc:sldMk cId="3451113877" sldId="296"/>
            <ac:inkMk id="14" creationId="{CD6B650D-79AA-CC89-53B7-5796244AAAF9}"/>
          </ac:inkMkLst>
        </pc:inkChg>
        <pc:inkChg chg="add del">
          <ac:chgData name="Matias Vázquez Piñón" userId="2f86a967-3c9c-4a39-b538-7e6c0574d83d" providerId="ADAL" clId="{6594851D-CEE0-4A2C-876F-BED761A92EC3}" dt="2022-08-23T10:38:56.626" v="2587" actId="9405"/>
          <ac:inkMkLst>
            <pc:docMk/>
            <pc:sldMk cId="3451113877" sldId="296"/>
            <ac:inkMk id="15" creationId="{8498FED9-933D-81F7-64D1-8DC90B6FEB79}"/>
          </ac:inkMkLst>
        </pc:inkChg>
        <pc:inkChg chg="add del">
          <ac:chgData name="Matias Vázquez Piñón" userId="2f86a967-3c9c-4a39-b538-7e6c0574d83d" providerId="ADAL" clId="{6594851D-CEE0-4A2C-876F-BED761A92EC3}" dt="2022-08-23T10:38:55.128" v="2586" actId="9405"/>
          <ac:inkMkLst>
            <pc:docMk/>
            <pc:sldMk cId="3451113877" sldId="296"/>
            <ac:inkMk id="16" creationId="{F91CCD61-58E8-2EB5-77E0-173222E429E0}"/>
          </ac:inkMkLst>
        </pc:inkChg>
      </pc:sldChg>
      <pc:sldChg chg="modSp add mod">
        <pc:chgData name="Matias Vázquez Piñón" userId="2f86a967-3c9c-4a39-b538-7e6c0574d83d" providerId="ADAL" clId="{6594851D-CEE0-4A2C-876F-BED761A92EC3}" dt="2022-08-23T11:12:56.596" v="3091" actId="27636"/>
        <pc:sldMkLst>
          <pc:docMk/>
          <pc:sldMk cId="2684454245" sldId="297"/>
        </pc:sldMkLst>
        <pc:spChg chg="mod">
          <ac:chgData name="Matias Vázquez Piñón" userId="2f86a967-3c9c-4a39-b538-7e6c0574d83d" providerId="ADAL" clId="{6594851D-CEE0-4A2C-876F-BED761A92EC3}" dt="2022-08-23T11:12:56.596" v="3091" actId="27636"/>
          <ac:spMkLst>
            <pc:docMk/>
            <pc:sldMk cId="2684454245" sldId="297"/>
            <ac:spMk id="7" creationId="{22E25C78-7D4D-A985-DD37-65537444D6F1}"/>
          </ac:spMkLst>
        </pc:spChg>
      </pc:sldChg>
      <pc:sldChg chg="addSp delSp modSp add mod ord">
        <pc:chgData name="Matias Vázquez Piñón" userId="2f86a967-3c9c-4a39-b538-7e6c0574d83d" providerId="ADAL" clId="{6594851D-CEE0-4A2C-876F-BED761A92EC3}" dt="2022-08-23T11:28:30.481" v="3316" actId="1076"/>
        <pc:sldMkLst>
          <pc:docMk/>
          <pc:sldMk cId="1509932029" sldId="298"/>
        </pc:sldMkLst>
        <pc:spChg chg="mod">
          <ac:chgData name="Matias Vázquez Piñón" userId="2f86a967-3c9c-4a39-b538-7e6c0574d83d" providerId="ADAL" clId="{6594851D-CEE0-4A2C-876F-BED761A92EC3}" dt="2022-08-23T11:16:08.954" v="3208" actId="20577"/>
          <ac:spMkLst>
            <pc:docMk/>
            <pc:sldMk cId="1509932029" sldId="298"/>
            <ac:spMk id="2" creationId="{AB517934-053F-FF86-552E-F307D2D9DA4B}"/>
          </ac:spMkLst>
        </pc:spChg>
        <pc:spChg chg="add mod">
          <ac:chgData name="Matias Vázquez Piñón" userId="2f86a967-3c9c-4a39-b538-7e6c0574d83d" providerId="ADAL" clId="{6594851D-CEE0-4A2C-876F-BED761A92EC3}" dt="2022-08-23T11:28:30.481" v="3316" actId="1076"/>
          <ac:spMkLst>
            <pc:docMk/>
            <pc:sldMk cId="1509932029" sldId="298"/>
            <ac:spMk id="4" creationId="{5E976D3D-84C2-A052-441A-7AA8EEA16F93}"/>
          </ac:spMkLst>
        </pc:spChg>
        <pc:spChg chg="mod">
          <ac:chgData name="Matias Vázquez Piñón" userId="2f86a967-3c9c-4a39-b538-7e6c0574d83d" providerId="ADAL" clId="{6594851D-CEE0-4A2C-876F-BED761A92EC3}" dt="2022-08-23T11:19:33.050" v="3241" actId="6549"/>
          <ac:spMkLst>
            <pc:docMk/>
            <pc:sldMk cId="1509932029" sldId="298"/>
            <ac:spMk id="6" creationId="{A2A309B0-A3E7-707D-2E82-3AC7B3C91B3A}"/>
          </ac:spMkLst>
        </pc:spChg>
        <pc:picChg chg="del">
          <ac:chgData name="Matias Vázquez Piñón" userId="2f86a967-3c9c-4a39-b538-7e6c0574d83d" providerId="ADAL" clId="{6594851D-CEE0-4A2C-876F-BED761A92EC3}" dt="2022-08-23T11:18:51.853" v="3229" actId="478"/>
          <ac:picMkLst>
            <pc:docMk/>
            <pc:sldMk cId="1509932029" sldId="298"/>
            <ac:picMk id="7" creationId="{1AC9C3A6-69CC-E4E1-1252-A22F3B2C6BD0}"/>
          </ac:picMkLst>
        </pc:picChg>
      </pc:sldChg>
      <pc:sldChg chg="addSp delSp modSp new mod modClrScheme chgLayout">
        <pc:chgData name="Matias Vázquez Piñón" userId="2f86a967-3c9c-4a39-b538-7e6c0574d83d" providerId="ADAL" clId="{6594851D-CEE0-4A2C-876F-BED761A92EC3}" dt="2022-08-23T14:33:30.972" v="4092" actId="700"/>
        <pc:sldMkLst>
          <pc:docMk/>
          <pc:sldMk cId="2756905196" sldId="299"/>
        </pc:sldMkLst>
        <pc:spChg chg="mod ord">
          <ac:chgData name="Matias Vázquez Piñón" userId="2f86a967-3c9c-4a39-b538-7e6c0574d83d" providerId="ADAL" clId="{6594851D-CEE0-4A2C-876F-BED761A92EC3}" dt="2022-08-23T14:33:30.972" v="4092" actId="700"/>
          <ac:spMkLst>
            <pc:docMk/>
            <pc:sldMk cId="2756905196" sldId="299"/>
            <ac:spMk id="2" creationId="{91B6A529-D782-58F2-7F2C-72CE504C540A}"/>
          </ac:spMkLst>
        </pc:spChg>
        <pc:spChg chg="mod ord">
          <ac:chgData name="Matias Vázquez Piñón" userId="2f86a967-3c9c-4a39-b538-7e6c0574d83d" providerId="ADAL" clId="{6594851D-CEE0-4A2C-876F-BED761A92EC3}" dt="2022-08-23T14:33:30.972" v="4092" actId="700"/>
          <ac:spMkLst>
            <pc:docMk/>
            <pc:sldMk cId="2756905196" sldId="299"/>
            <ac:spMk id="3" creationId="{1E925318-DB10-559E-E874-F50EAAE8AB6A}"/>
          </ac:spMkLst>
        </pc:spChg>
        <pc:spChg chg="del">
          <ac:chgData name="Matias Vázquez Piñón" userId="2f86a967-3c9c-4a39-b538-7e6c0574d83d" providerId="ADAL" clId="{6594851D-CEE0-4A2C-876F-BED761A92EC3}" dt="2022-08-23T14:07:49.195" v="3568" actId="1032"/>
          <ac:spMkLst>
            <pc:docMk/>
            <pc:sldMk cId="2756905196" sldId="299"/>
            <ac:spMk id="4" creationId="{E810789B-875B-D7B4-9C3C-3D886793E7DB}"/>
          </ac:spMkLst>
        </pc:spChg>
        <pc:spChg chg="mod ord">
          <ac:chgData name="Matias Vázquez Piñón" userId="2f86a967-3c9c-4a39-b538-7e6c0574d83d" providerId="ADAL" clId="{6594851D-CEE0-4A2C-876F-BED761A92EC3}" dt="2022-08-23T14:33:30.972" v="4092" actId="700"/>
          <ac:spMkLst>
            <pc:docMk/>
            <pc:sldMk cId="2756905196" sldId="299"/>
            <ac:spMk id="5" creationId="{0C94D3B0-9549-9297-0CE7-A8ED88D243CE}"/>
          </ac:spMkLst>
        </pc:spChg>
        <pc:spChg chg="add del mod ord">
          <ac:chgData name="Matias Vázquez Piñón" userId="2f86a967-3c9c-4a39-b538-7e6c0574d83d" providerId="ADAL" clId="{6594851D-CEE0-4A2C-876F-BED761A92EC3}" dt="2022-08-23T14:18:15.977" v="3658" actId="700"/>
          <ac:spMkLst>
            <pc:docMk/>
            <pc:sldMk cId="2756905196" sldId="299"/>
            <ac:spMk id="8" creationId="{B36C9927-1F78-9350-09D7-4AF8DCF03C27}"/>
          </ac:spMkLst>
        </pc:spChg>
        <pc:spChg chg="add del mod ord">
          <ac:chgData name="Matias Vázquez Piñón" userId="2f86a967-3c9c-4a39-b538-7e6c0574d83d" providerId="ADAL" clId="{6594851D-CEE0-4A2C-876F-BED761A92EC3}" dt="2022-08-23T14:18:18.126" v="3659"/>
          <ac:spMkLst>
            <pc:docMk/>
            <pc:sldMk cId="2756905196" sldId="299"/>
            <ac:spMk id="9" creationId="{ADDE5679-AC61-DB64-C4BA-A1515853A414}"/>
          </ac:spMkLst>
        </pc:spChg>
        <pc:spChg chg="add del mod ord">
          <ac:chgData name="Matias Vázquez Piñón" userId="2f86a967-3c9c-4a39-b538-7e6c0574d83d" providerId="ADAL" clId="{6594851D-CEE0-4A2C-876F-BED761A92EC3}" dt="2022-08-23T14:18:23.248" v="3660"/>
          <ac:spMkLst>
            <pc:docMk/>
            <pc:sldMk cId="2756905196" sldId="299"/>
            <ac:spMk id="10" creationId="{CDC94609-712A-DB48-18D6-6205E5AA8B6E}"/>
          </ac:spMkLst>
        </pc:spChg>
        <pc:graphicFrameChg chg="add del mod modGraphic">
          <ac:chgData name="Matias Vázquez Piñón" userId="2f86a967-3c9c-4a39-b538-7e6c0574d83d" providerId="ADAL" clId="{6594851D-CEE0-4A2C-876F-BED761A92EC3}" dt="2022-08-23T14:18:13.173" v="3657" actId="21"/>
          <ac:graphicFrameMkLst>
            <pc:docMk/>
            <pc:sldMk cId="2756905196" sldId="299"/>
            <ac:graphicFrameMk id="6" creationId="{5840442B-F73B-CF1C-A974-B1A9741435D1}"/>
          </ac:graphicFrameMkLst>
        </pc:graphicFrameChg>
        <pc:graphicFrameChg chg="add mod ord">
          <ac:chgData name="Matias Vázquez Piñón" userId="2f86a967-3c9c-4a39-b538-7e6c0574d83d" providerId="ADAL" clId="{6594851D-CEE0-4A2C-876F-BED761A92EC3}" dt="2022-08-23T14:33:30.972" v="4092" actId="700"/>
          <ac:graphicFrameMkLst>
            <pc:docMk/>
            <pc:sldMk cId="2756905196" sldId="299"/>
            <ac:graphicFrameMk id="11" creationId="{8FEFF800-6F9A-0555-AA31-B91718800635}"/>
          </ac:graphicFrameMkLst>
        </pc:graphicFrameChg>
        <pc:graphicFrameChg chg="add mod ord">
          <ac:chgData name="Matias Vázquez Piñón" userId="2f86a967-3c9c-4a39-b538-7e6c0574d83d" providerId="ADAL" clId="{6594851D-CEE0-4A2C-876F-BED761A92EC3}" dt="2022-08-23T14:33:30.972" v="4092" actId="700"/>
          <ac:graphicFrameMkLst>
            <pc:docMk/>
            <pc:sldMk cId="2756905196" sldId="299"/>
            <ac:graphicFrameMk id="12" creationId="{096B2C6C-19A7-A943-7B5B-57C0D7C288BE}"/>
          </ac:graphicFrameMkLst>
        </pc:graphicFrameChg>
      </pc:sldChg>
      <pc:sldChg chg="addSp delSp modSp new mod">
        <pc:chgData name="Matias Vázquez Piñón" userId="2f86a967-3c9c-4a39-b538-7e6c0574d83d" providerId="ADAL" clId="{6594851D-CEE0-4A2C-876F-BED761A92EC3}" dt="2022-08-23T14:52:07.041" v="4465" actId="20577"/>
        <pc:sldMkLst>
          <pc:docMk/>
          <pc:sldMk cId="1883341490" sldId="300"/>
        </pc:sldMkLst>
        <pc:spChg chg="mod">
          <ac:chgData name="Matias Vázquez Piñón" userId="2f86a967-3c9c-4a39-b538-7e6c0574d83d" providerId="ADAL" clId="{6594851D-CEE0-4A2C-876F-BED761A92EC3}" dt="2022-08-23T14:33:38.352" v="4107" actId="20577"/>
          <ac:spMkLst>
            <pc:docMk/>
            <pc:sldMk cId="1883341490" sldId="300"/>
            <ac:spMk id="2" creationId="{0E30A4F2-8416-2E36-BB7A-5177088E1586}"/>
          </ac:spMkLst>
        </pc:spChg>
        <pc:spChg chg="del mod">
          <ac:chgData name="Matias Vázquez Piñón" userId="2f86a967-3c9c-4a39-b538-7e6c0574d83d" providerId="ADAL" clId="{6594851D-CEE0-4A2C-876F-BED761A92EC3}" dt="2022-08-23T14:36:18.563" v="4110" actId="3680"/>
          <ac:spMkLst>
            <pc:docMk/>
            <pc:sldMk cId="1883341490" sldId="300"/>
            <ac:spMk id="3" creationId="{F881183E-116F-086A-BFC1-6ABC1968D870}"/>
          </ac:spMkLst>
        </pc:spChg>
        <pc:spChg chg="del">
          <ac:chgData name="Matias Vázquez Piñón" userId="2f86a967-3c9c-4a39-b538-7e6c0574d83d" providerId="ADAL" clId="{6594851D-CEE0-4A2C-876F-BED761A92EC3}" dt="2022-08-23T14:42:05.416" v="4349" actId="3680"/>
          <ac:spMkLst>
            <pc:docMk/>
            <pc:sldMk cId="1883341490" sldId="300"/>
            <ac:spMk id="4" creationId="{65122584-93EB-CB41-05CA-60FF72EBE8B1}"/>
          </ac:spMkLst>
        </pc:spChg>
        <pc:spChg chg="add del mod">
          <ac:chgData name="Matias Vázquez Piñón" userId="2f86a967-3c9c-4a39-b538-7e6c0574d83d" providerId="ADAL" clId="{6594851D-CEE0-4A2C-876F-BED761A92EC3}" dt="2022-08-23T14:38:08.867" v="4179"/>
          <ac:spMkLst>
            <pc:docMk/>
            <pc:sldMk cId="1883341490" sldId="300"/>
            <ac:spMk id="8" creationId="{C236EF59-9A0B-1D49-8DA2-0764081502D1}"/>
          </ac:spMkLst>
        </pc:spChg>
        <pc:spChg chg="add del mod">
          <ac:chgData name="Matias Vázquez Piñón" userId="2f86a967-3c9c-4a39-b538-7e6c0574d83d" providerId="ADAL" clId="{6594851D-CEE0-4A2C-876F-BED761A92EC3}" dt="2022-08-23T14:40:54.902" v="4341"/>
          <ac:spMkLst>
            <pc:docMk/>
            <pc:sldMk cId="1883341490" sldId="300"/>
            <ac:spMk id="11" creationId="{EE7F525B-39FC-A757-7E21-17872886F68E}"/>
          </ac:spMkLst>
        </pc:spChg>
        <pc:spChg chg="add mod">
          <ac:chgData name="Matias Vázquez Piñón" userId="2f86a967-3c9c-4a39-b538-7e6c0574d83d" providerId="ADAL" clId="{6594851D-CEE0-4A2C-876F-BED761A92EC3}" dt="2022-08-23T14:51:35.002" v="4457" actId="13822"/>
          <ac:spMkLst>
            <pc:docMk/>
            <pc:sldMk cId="1883341490" sldId="300"/>
            <ac:spMk id="14" creationId="{72ADE4D3-2313-C59C-BC50-BC5471C55E1E}"/>
          </ac:spMkLst>
        </pc:spChg>
        <pc:spChg chg="add del mod">
          <ac:chgData name="Matias Vázquez Piñón" userId="2f86a967-3c9c-4a39-b538-7e6c0574d83d" providerId="ADAL" clId="{6594851D-CEE0-4A2C-876F-BED761A92EC3}" dt="2022-08-23T14:52:04.047" v="4464" actId="478"/>
          <ac:spMkLst>
            <pc:docMk/>
            <pc:sldMk cId="1883341490" sldId="300"/>
            <ac:spMk id="16" creationId="{EC75A3E1-EB71-C3E7-840B-0DEFFA88681E}"/>
          </ac:spMkLst>
        </pc:spChg>
        <pc:graphicFrameChg chg="add del mod ord modGraphic">
          <ac:chgData name="Matias Vázquez Piñón" userId="2f86a967-3c9c-4a39-b538-7e6c0574d83d" providerId="ADAL" clId="{6594851D-CEE0-4A2C-876F-BED761A92EC3}" dt="2022-08-23T14:38:07.129" v="4178" actId="21"/>
          <ac:graphicFrameMkLst>
            <pc:docMk/>
            <pc:sldMk cId="1883341490" sldId="300"/>
            <ac:graphicFrameMk id="6" creationId="{DC35752A-685F-FD89-9AE8-E9C822797591}"/>
          </ac:graphicFrameMkLst>
        </pc:graphicFrameChg>
        <pc:graphicFrameChg chg="add del mod modGraphic">
          <ac:chgData name="Matias Vázquez Piñón" userId="2f86a967-3c9c-4a39-b538-7e6c0574d83d" providerId="ADAL" clId="{6594851D-CEE0-4A2C-876F-BED761A92EC3}" dt="2022-08-23T14:40:53.540" v="4340" actId="21"/>
          <ac:graphicFrameMkLst>
            <pc:docMk/>
            <pc:sldMk cId="1883341490" sldId="300"/>
            <ac:graphicFrameMk id="9" creationId="{9A58FEF4-1841-06BE-AD65-E22146A69B45}"/>
          </ac:graphicFrameMkLst>
        </pc:graphicFrameChg>
        <pc:graphicFrameChg chg="add mod modGraphic">
          <ac:chgData name="Matias Vázquez Piñón" userId="2f86a967-3c9c-4a39-b538-7e6c0574d83d" providerId="ADAL" clId="{6594851D-CEE0-4A2C-876F-BED761A92EC3}" dt="2022-08-23T14:51:13.355" v="4455" actId="6549"/>
          <ac:graphicFrameMkLst>
            <pc:docMk/>
            <pc:sldMk cId="1883341490" sldId="300"/>
            <ac:graphicFrameMk id="12" creationId="{FF392F1F-AA00-2474-B4A3-E7EC8C4A4A4C}"/>
          </ac:graphicFrameMkLst>
        </pc:graphicFrameChg>
        <pc:graphicFrameChg chg="add del mod ord modGraphic">
          <ac:chgData name="Matias Vázquez Piñón" userId="2f86a967-3c9c-4a39-b538-7e6c0574d83d" providerId="ADAL" clId="{6594851D-CEE0-4A2C-876F-BED761A92EC3}" dt="2022-08-23T14:51:51.710" v="4460" actId="478"/>
          <ac:graphicFrameMkLst>
            <pc:docMk/>
            <pc:sldMk cId="1883341490" sldId="300"/>
            <ac:graphicFrameMk id="13" creationId="{2E7B9D2E-3505-0FE3-D7D0-38EB943D3D6E}"/>
          </ac:graphicFrameMkLst>
        </pc:graphicFrameChg>
        <pc:graphicFrameChg chg="add mod modGraphic">
          <ac:chgData name="Matias Vázquez Piñón" userId="2f86a967-3c9c-4a39-b538-7e6c0574d83d" providerId="ADAL" clId="{6594851D-CEE0-4A2C-876F-BED761A92EC3}" dt="2022-08-23T14:52:07.041" v="4465" actId="20577"/>
          <ac:graphicFrameMkLst>
            <pc:docMk/>
            <pc:sldMk cId="1883341490" sldId="300"/>
            <ac:graphicFrameMk id="17" creationId="{699780A3-DB70-7C88-A025-80C08D89D093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51:41.513" v="4459" actId="1076"/>
        <pc:sldMkLst>
          <pc:docMk/>
          <pc:sldMk cId="2968579628" sldId="301"/>
        </pc:sldMkLst>
        <pc:spChg chg="mod">
          <ac:chgData name="Matias Vázquez Piñón" userId="2f86a967-3c9c-4a39-b538-7e6c0574d83d" providerId="ADAL" clId="{6594851D-CEE0-4A2C-876F-BED761A92EC3}" dt="2022-08-23T14:51:41.513" v="4459" actId="1076"/>
          <ac:spMkLst>
            <pc:docMk/>
            <pc:sldMk cId="2968579628" sldId="301"/>
            <ac:spMk id="14" creationId="{72ADE4D3-2313-C59C-BC50-BC5471C55E1E}"/>
          </ac:spMkLst>
        </pc:spChg>
        <pc:graphicFrameChg chg="mod modGraphic">
          <ac:chgData name="Matias Vázquez Piñón" userId="2f86a967-3c9c-4a39-b538-7e6c0574d83d" providerId="ADAL" clId="{6594851D-CEE0-4A2C-876F-BED761A92EC3}" dt="2022-08-23T14:48:30.633" v="4427" actId="6549"/>
          <ac:graphicFrameMkLst>
            <pc:docMk/>
            <pc:sldMk cId="2968579628" sldId="301"/>
            <ac:graphicFrameMk id="12" creationId="{FF392F1F-AA00-2474-B4A3-E7EC8C4A4A4C}"/>
          </ac:graphicFrameMkLst>
        </pc:graphicFrameChg>
        <pc:graphicFrameChg chg="mod modGraphic">
          <ac:chgData name="Matias Vázquez Piñón" userId="2f86a967-3c9c-4a39-b538-7e6c0574d83d" providerId="ADAL" clId="{6594851D-CEE0-4A2C-876F-BED761A92EC3}" dt="2022-08-23T14:49:05.459" v="4430" actId="1076"/>
          <ac:graphicFrameMkLst>
            <pc:docMk/>
            <pc:sldMk cId="2968579628" sldId="301"/>
            <ac:graphicFrameMk id="13" creationId="{2E7B9D2E-3505-0FE3-D7D0-38EB943D3D6E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49:52.310" v="4432" actId="1076"/>
        <pc:sldMkLst>
          <pc:docMk/>
          <pc:sldMk cId="347237951" sldId="302"/>
        </pc:sldMkLst>
        <pc:spChg chg="mod">
          <ac:chgData name="Matias Vázquez Piñón" userId="2f86a967-3c9c-4a39-b538-7e6c0574d83d" providerId="ADAL" clId="{6594851D-CEE0-4A2C-876F-BED761A92EC3}" dt="2022-08-23T14:49:52.310" v="4432" actId="1076"/>
          <ac:spMkLst>
            <pc:docMk/>
            <pc:sldMk cId="347237951" sldId="302"/>
            <ac:spMk id="14" creationId="{72ADE4D3-2313-C59C-BC50-BC5471C55E1E}"/>
          </ac:spMkLst>
        </pc:spChg>
      </pc:sldChg>
      <pc:sldChg chg="modSp add mod">
        <pc:chgData name="Matias Vázquez Piñón" userId="2f86a967-3c9c-4a39-b538-7e6c0574d83d" providerId="ADAL" clId="{6594851D-CEE0-4A2C-876F-BED761A92EC3}" dt="2022-08-23T14:50:41.169" v="4436" actId="207"/>
        <pc:sldMkLst>
          <pc:docMk/>
          <pc:sldMk cId="2762977252" sldId="303"/>
        </pc:sldMkLst>
        <pc:spChg chg="mod">
          <ac:chgData name="Matias Vázquez Piñón" userId="2f86a967-3c9c-4a39-b538-7e6c0574d83d" providerId="ADAL" clId="{6594851D-CEE0-4A2C-876F-BED761A92EC3}" dt="2022-08-23T14:50:31.921" v="4434" actId="1076"/>
          <ac:spMkLst>
            <pc:docMk/>
            <pc:sldMk cId="2762977252" sldId="303"/>
            <ac:spMk id="14" creationId="{72ADE4D3-2313-C59C-BC50-BC5471C55E1E}"/>
          </ac:spMkLst>
        </pc:spChg>
        <pc:graphicFrameChg chg="modGraphic">
          <ac:chgData name="Matias Vázquez Piñón" userId="2f86a967-3c9c-4a39-b538-7e6c0574d83d" providerId="ADAL" clId="{6594851D-CEE0-4A2C-876F-BED761A92EC3}" dt="2022-08-23T14:50:41.169" v="4436" actId="207"/>
          <ac:graphicFrameMkLst>
            <pc:docMk/>
            <pc:sldMk cId="2762977252" sldId="303"/>
            <ac:graphicFrameMk id="12" creationId="{FF392F1F-AA00-2474-B4A3-E7EC8C4A4A4C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53:21.481" v="4471" actId="1035"/>
        <pc:sldMkLst>
          <pc:docMk/>
          <pc:sldMk cId="2583010504" sldId="304"/>
        </pc:sldMkLst>
        <pc:spChg chg="mod">
          <ac:chgData name="Matias Vázquez Piñón" userId="2f86a967-3c9c-4a39-b538-7e6c0574d83d" providerId="ADAL" clId="{6594851D-CEE0-4A2C-876F-BED761A92EC3}" dt="2022-08-23T14:53:21.481" v="4471" actId="1035"/>
          <ac:spMkLst>
            <pc:docMk/>
            <pc:sldMk cId="2583010504" sldId="304"/>
            <ac:spMk id="14" creationId="{72ADE4D3-2313-C59C-BC50-BC5471C55E1E}"/>
          </ac:spMkLst>
        </pc:spChg>
        <pc:graphicFrameChg chg="modGraphic">
          <ac:chgData name="Matias Vázquez Piñón" userId="2f86a967-3c9c-4a39-b538-7e6c0574d83d" providerId="ADAL" clId="{6594851D-CEE0-4A2C-876F-BED761A92EC3}" dt="2022-08-23T14:53:05.626" v="4469" actId="2084"/>
          <ac:graphicFrameMkLst>
            <pc:docMk/>
            <pc:sldMk cId="2583010504" sldId="304"/>
            <ac:graphicFrameMk id="12" creationId="{FF392F1F-AA00-2474-B4A3-E7EC8C4A4A4C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53:40.850" v="4475" actId="2084"/>
        <pc:sldMkLst>
          <pc:docMk/>
          <pc:sldMk cId="2738140422" sldId="305"/>
        </pc:sldMkLst>
        <pc:spChg chg="mod">
          <ac:chgData name="Matias Vázquez Piñón" userId="2f86a967-3c9c-4a39-b538-7e6c0574d83d" providerId="ADAL" clId="{6594851D-CEE0-4A2C-876F-BED761A92EC3}" dt="2022-08-23T14:53:30.683" v="4473" actId="1035"/>
          <ac:spMkLst>
            <pc:docMk/>
            <pc:sldMk cId="2738140422" sldId="305"/>
            <ac:spMk id="14" creationId="{72ADE4D3-2313-C59C-BC50-BC5471C55E1E}"/>
          </ac:spMkLst>
        </pc:spChg>
        <pc:graphicFrameChg chg="modGraphic">
          <ac:chgData name="Matias Vázquez Piñón" userId="2f86a967-3c9c-4a39-b538-7e6c0574d83d" providerId="ADAL" clId="{6594851D-CEE0-4A2C-876F-BED761A92EC3}" dt="2022-08-23T14:53:40.850" v="4475" actId="2084"/>
          <ac:graphicFrameMkLst>
            <pc:docMk/>
            <pc:sldMk cId="2738140422" sldId="305"/>
            <ac:graphicFrameMk id="12" creationId="{FF392F1F-AA00-2474-B4A3-E7EC8C4A4A4C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54:40.308" v="4479" actId="1076"/>
        <pc:sldMkLst>
          <pc:docMk/>
          <pc:sldMk cId="4026152409" sldId="306"/>
        </pc:sldMkLst>
        <pc:spChg chg="mod">
          <ac:chgData name="Matias Vázquez Piñón" userId="2f86a967-3c9c-4a39-b538-7e6c0574d83d" providerId="ADAL" clId="{6594851D-CEE0-4A2C-876F-BED761A92EC3}" dt="2022-08-23T14:54:40.308" v="4479" actId="1076"/>
          <ac:spMkLst>
            <pc:docMk/>
            <pc:sldMk cId="4026152409" sldId="306"/>
            <ac:spMk id="14" creationId="{72ADE4D3-2313-C59C-BC50-BC5471C55E1E}"/>
          </ac:spMkLst>
        </pc:spChg>
        <pc:graphicFrameChg chg="modGraphic">
          <ac:chgData name="Matias Vázquez Piñón" userId="2f86a967-3c9c-4a39-b538-7e6c0574d83d" providerId="ADAL" clId="{6594851D-CEE0-4A2C-876F-BED761A92EC3}" dt="2022-08-23T14:54:15.242" v="4478" actId="2084"/>
          <ac:graphicFrameMkLst>
            <pc:docMk/>
            <pc:sldMk cId="4026152409" sldId="306"/>
            <ac:graphicFrameMk id="12" creationId="{FF392F1F-AA00-2474-B4A3-E7EC8C4A4A4C}"/>
          </ac:graphicFrameMkLst>
        </pc:graphicFrameChg>
      </pc:sldChg>
      <pc:sldChg chg="addSp delSp modSp add mod">
        <pc:chgData name="Matias Vázquez Piñón" userId="2f86a967-3c9c-4a39-b538-7e6c0574d83d" providerId="ADAL" clId="{6594851D-CEE0-4A2C-876F-BED761A92EC3}" dt="2022-08-23T14:56:42.130" v="4488" actId="207"/>
        <pc:sldMkLst>
          <pc:docMk/>
          <pc:sldMk cId="125475162" sldId="307"/>
        </pc:sldMkLst>
        <pc:spChg chg="add mod">
          <ac:chgData name="Matias Vázquez Piñón" userId="2f86a967-3c9c-4a39-b538-7e6c0574d83d" providerId="ADAL" clId="{6594851D-CEE0-4A2C-876F-BED761A92EC3}" dt="2022-08-23T14:56:21.509" v="4487" actId="1035"/>
          <ac:spMkLst>
            <pc:docMk/>
            <pc:sldMk cId="125475162" sldId="307"/>
            <ac:spMk id="3" creationId="{80F407F5-845D-DA15-10BD-F9A09CE064EA}"/>
          </ac:spMkLst>
        </pc:spChg>
        <pc:spChg chg="del mod">
          <ac:chgData name="Matias Vázquez Piñón" userId="2f86a967-3c9c-4a39-b538-7e6c0574d83d" providerId="ADAL" clId="{6594851D-CEE0-4A2C-876F-BED761A92EC3}" dt="2022-08-23T14:55:35.609" v="4482" actId="478"/>
          <ac:spMkLst>
            <pc:docMk/>
            <pc:sldMk cId="125475162" sldId="307"/>
            <ac:spMk id="14" creationId="{72ADE4D3-2313-C59C-BC50-BC5471C55E1E}"/>
          </ac:spMkLst>
        </pc:spChg>
        <pc:graphicFrameChg chg="modGraphic">
          <ac:chgData name="Matias Vázquez Piñón" userId="2f86a967-3c9c-4a39-b538-7e6c0574d83d" providerId="ADAL" clId="{6594851D-CEE0-4A2C-876F-BED761A92EC3}" dt="2022-08-23T14:56:42.130" v="4488" actId="207"/>
          <ac:graphicFrameMkLst>
            <pc:docMk/>
            <pc:sldMk cId="125475162" sldId="307"/>
            <ac:graphicFrameMk id="12" creationId="{FF392F1F-AA00-2474-B4A3-E7EC8C4A4A4C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57:40.755" v="4496" actId="6549"/>
        <pc:sldMkLst>
          <pc:docMk/>
          <pc:sldMk cId="604320469" sldId="308"/>
        </pc:sldMkLst>
        <pc:spChg chg="mod">
          <ac:chgData name="Matias Vázquez Piñón" userId="2f86a967-3c9c-4a39-b538-7e6c0574d83d" providerId="ADAL" clId="{6594851D-CEE0-4A2C-876F-BED761A92EC3}" dt="2022-08-23T14:57:19.021" v="4495" actId="1036"/>
          <ac:spMkLst>
            <pc:docMk/>
            <pc:sldMk cId="604320469" sldId="308"/>
            <ac:spMk id="3" creationId="{80F407F5-845D-DA15-10BD-F9A09CE064EA}"/>
          </ac:spMkLst>
        </pc:spChg>
        <pc:graphicFrameChg chg="modGraphic">
          <ac:chgData name="Matias Vázquez Piñón" userId="2f86a967-3c9c-4a39-b538-7e6c0574d83d" providerId="ADAL" clId="{6594851D-CEE0-4A2C-876F-BED761A92EC3}" dt="2022-08-23T14:57:03.032" v="4491" actId="207"/>
          <ac:graphicFrameMkLst>
            <pc:docMk/>
            <pc:sldMk cId="604320469" sldId="308"/>
            <ac:graphicFrameMk id="12" creationId="{FF392F1F-AA00-2474-B4A3-E7EC8C4A4A4C}"/>
          </ac:graphicFrameMkLst>
        </pc:graphicFrameChg>
        <pc:graphicFrameChg chg="modGraphic">
          <ac:chgData name="Matias Vázquez Piñón" userId="2f86a967-3c9c-4a39-b538-7e6c0574d83d" providerId="ADAL" clId="{6594851D-CEE0-4A2C-876F-BED761A92EC3}" dt="2022-08-23T14:57:40.755" v="4496" actId="6549"/>
          <ac:graphicFrameMkLst>
            <pc:docMk/>
            <pc:sldMk cId="604320469" sldId="308"/>
            <ac:graphicFrameMk id="13" creationId="{2E7B9D2E-3505-0FE3-D7D0-38EB943D3D6E}"/>
          </ac:graphicFrameMkLst>
        </pc:graphicFrameChg>
      </pc:sldChg>
      <pc:sldMasterChg chg="addSp delSp mod">
        <pc:chgData name="Matias Vázquez Piñón" userId="2f86a967-3c9c-4a39-b538-7e6c0574d83d" providerId="ADAL" clId="{6594851D-CEE0-4A2C-876F-BED761A92EC3}" dt="2022-08-16T14:07:46.245" v="371" actId="478"/>
        <pc:sldMasterMkLst>
          <pc:docMk/>
          <pc:sldMasterMk cId="2454702602" sldId="2147483662"/>
        </pc:sldMasterMkLst>
        <pc:spChg chg="del">
          <ac:chgData name="Matias Vázquez Piñón" userId="2f86a967-3c9c-4a39-b538-7e6c0574d83d" providerId="ADAL" clId="{6594851D-CEE0-4A2C-876F-BED761A92EC3}" dt="2022-08-16T14:07:39.581" v="369" actId="478"/>
          <ac:spMkLst>
            <pc:docMk/>
            <pc:sldMasterMk cId="2454702602" sldId="2147483662"/>
            <ac:spMk id="5" creationId="{792B975C-625D-4095-8E1D-63F20A11B57C}"/>
          </ac:spMkLst>
        </pc:spChg>
        <pc:spChg chg="del">
          <ac:chgData name="Matias Vázquez Piñón" userId="2f86a967-3c9c-4a39-b538-7e6c0574d83d" providerId="ADAL" clId="{6594851D-CEE0-4A2C-876F-BED761A92EC3}" dt="2022-08-16T14:07:46.245" v="371" actId="478"/>
          <ac:spMkLst>
            <pc:docMk/>
            <pc:sldMasterMk cId="2454702602" sldId="2147483662"/>
            <ac:spMk id="7" creationId="{06B09BDB-1C7D-4F8A-8F1B-82D88054A428}"/>
          </ac:spMkLst>
        </pc:spChg>
        <pc:spChg chg="add del">
          <ac:chgData name="Matias Vázquez Piñón" userId="2f86a967-3c9c-4a39-b538-7e6c0574d83d" providerId="ADAL" clId="{6594851D-CEE0-4A2C-876F-BED761A92EC3}" dt="2022-08-16T14:07:36.545" v="368" actId="478"/>
          <ac:spMkLst>
            <pc:docMk/>
            <pc:sldMasterMk cId="2454702602" sldId="2147483662"/>
            <ac:spMk id="11" creationId="{FFFFD011-0D94-46EE-B45C-787FE82C3B5E}"/>
          </ac:spMkLst>
        </pc:spChg>
        <pc:spChg chg="del">
          <ac:chgData name="Matias Vázquez Piñón" userId="2f86a967-3c9c-4a39-b538-7e6c0574d83d" providerId="ADAL" clId="{6594851D-CEE0-4A2C-876F-BED761A92EC3}" dt="2022-08-16T14:07:41.197" v="370" actId="478"/>
          <ac:spMkLst>
            <pc:docMk/>
            <pc:sldMasterMk cId="2454702602" sldId="2147483662"/>
            <ac:spMk id="113676" creationId="{00000000-0000-0000-0000-000000000000}"/>
          </ac:spMkLst>
        </pc:spChg>
      </pc:sldMasterChg>
    </pc:docChg>
  </pc:docChgLst>
  <pc:docChgLst>
    <pc:chgData name="Matias Vázquez Piñón" userId="e82d7a76-e5c2-4749-baff-1bb8c1dfc0d7" providerId="ADAL" clId="{FC50E581-9A3F-A24F-9546-F40EB98BED79}"/>
    <pc:docChg chg="custSel modSld">
      <pc:chgData name="Matias Vázquez Piñón" userId="e82d7a76-e5c2-4749-baff-1bb8c1dfc0d7" providerId="ADAL" clId="{FC50E581-9A3F-A24F-9546-F40EB98BED79}" dt="2022-08-23T18:01:22.980" v="300"/>
      <pc:docMkLst>
        <pc:docMk/>
      </pc:docMkLst>
      <pc:sldChg chg="addSp delSp modSp">
        <pc:chgData name="Matias Vázquez Piñón" userId="e82d7a76-e5c2-4749-baff-1bb8c1dfc0d7" providerId="ADAL" clId="{FC50E581-9A3F-A24F-9546-F40EB98BED79}" dt="2022-08-23T18:01:22.980" v="300"/>
        <pc:sldMkLst>
          <pc:docMk/>
          <pc:sldMk cId="3451113877" sldId="296"/>
        </pc:sldMkLst>
        <pc:spChg chg="add mod">
          <ac:chgData name="Matias Vázquez Piñón" userId="e82d7a76-e5c2-4749-baff-1bb8c1dfc0d7" providerId="ADAL" clId="{FC50E581-9A3F-A24F-9546-F40EB98BED79}" dt="2022-08-23T17:53:57.876" v="12" actId="20577"/>
          <ac:spMkLst>
            <pc:docMk/>
            <pc:sldMk cId="3451113877" sldId="296"/>
            <ac:spMk id="13" creationId="{A058E5B6-3673-9FA4-24CE-46D23A704174}"/>
          </ac:spMkLst>
        </pc:spChg>
        <pc:picChg chg="mod">
          <ac:chgData name="Matias Vázquez Piñón" userId="e82d7a76-e5c2-4749-baff-1bb8c1dfc0d7" providerId="ADAL" clId="{FC50E581-9A3F-A24F-9546-F40EB98BED79}" dt="2022-08-23T17:53:22.515" v="1" actId="1076"/>
          <ac:picMkLst>
            <pc:docMk/>
            <pc:sldMk cId="3451113877" sldId="296"/>
            <ac:picMk id="27" creationId="{DB966A21-301A-F029-868C-DD75802CFF4E}"/>
          </ac:picMkLst>
        </pc:pic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2" creationId="{BFEE4EC3-6BCA-1A48-BA77-A0D596864DED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3" creationId="{DBF758EC-F4CC-F24F-57D0-46DD59903E3B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4" creationId="{7A17E649-0E3F-A371-459C-797B9F370898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8" creationId="{0A238C54-4F29-0747-7D6D-8BEC266CCCE4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9" creationId="{C79AF2ED-54F3-E2FC-F90F-7F187F6A14A4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10" creationId="{AD7FF630-17AC-E7B3-62CA-F2A6EC858036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11" creationId="{79CBF64D-ECCE-AE34-00CF-3268514BFBAA}"/>
          </ac:inkMkLst>
        </pc:inkChg>
        <pc:inkChg chg="add del reco">
          <ac:chgData name="Matias Vázquez Piñón" userId="e82d7a76-e5c2-4749-baff-1bb8c1dfc0d7" providerId="ADAL" clId="{FC50E581-9A3F-A24F-9546-F40EB98BED79}" dt="2022-08-23T17:53:53.039" v="10"/>
          <ac:inkMkLst>
            <pc:docMk/>
            <pc:sldMk cId="3451113877" sldId="296"/>
            <ac:inkMk id="12" creationId="{1F51A925-E466-2CE5-E6EF-F0A1841D6EEE}"/>
          </ac:inkMkLst>
        </pc:inkChg>
        <pc:inkChg chg="add del">
          <ac:chgData name="Matias Vázquez Piñón" userId="e82d7a76-e5c2-4749-baff-1bb8c1dfc0d7" providerId="ADAL" clId="{FC50E581-9A3F-A24F-9546-F40EB98BED79}" dt="2022-08-23T17:54:25.647" v="15"/>
          <ac:inkMkLst>
            <pc:docMk/>
            <pc:sldMk cId="3451113877" sldId="296"/>
            <ac:inkMk id="14" creationId="{2E4E72CD-DA1D-EEA7-326A-5C975C0C6C04}"/>
          </ac:inkMkLst>
        </pc:inkChg>
        <pc:inkChg chg="add del">
          <ac:chgData name="Matias Vázquez Piñón" userId="e82d7a76-e5c2-4749-baff-1bb8c1dfc0d7" providerId="ADAL" clId="{FC50E581-9A3F-A24F-9546-F40EB98BED79}" dt="2022-08-23T17:54:25.647" v="15"/>
          <ac:inkMkLst>
            <pc:docMk/>
            <pc:sldMk cId="3451113877" sldId="296"/>
            <ac:inkMk id="15" creationId="{0BFAB41C-E2CE-BB22-A510-7160090FBB5E}"/>
          </ac:inkMkLst>
        </pc:inkChg>
        <pc:inkChg chg="add del reco">
          <ac:chgData name="Matias Vázquez Piñón" userId="e82d7a76-e5c2-4749-baff-1bb8c1dfc0d7" providerId="ADAL" clId="{FC50E581-9A3F-A24F-9546-F40EB98BED79}" dt="2022-08-23T17:54:35.907" v="21"/>
          <ac:inkMkLst>
            <pc:docMk/>
            <pc:sldMk cId="3451113877" sldId="296"/>
            <ac:inkMk id="16" creationId="{7710F868-1483-FF38-4380-6C5991DCED8E}"/>
          </ac:inkMkLst>
        </pc:inkChg>
        <pc:inkChg chg="add del">
          <ac:chgData name="Matias Vázquez Piñón" userId="e82d7a76-e5c2-4749-baff-1bb8c1dfc0d7" providerId="ADAL" clId="{FC50E581-9A3F-A24F-9546-F40EB98BED79}" dt="2022-08-23T17:54:29.952" v="19"/>
          <ac:inkMkLst>
            <pc:docMk/>
            <pc:sldMk cId="3451113877" sldId="296"/>
            <ac:inkMk id="17" creationId="{776DBAE9-CD73-E73B-F7AB-76123FE19DE6}"/>
          </ac:inkMkLst>
        </pc:inkChg>
        <pc:inkChg chg="add del">
          <ac:chgData name="Matias Vázquez Piñón" userId="e82d7a76-e5c2-4749-baff-1bb8c1dfc0d7" providerId="ADAL" clId="{FC50E581-9A3F-A24F-9546-F40EB98BED79}" dt="2022-08-23T17:54:29.952" v="19"/>
          <ac:inkMkLst>
            <pc:docMk/>
            <pc:sldMk cId="3451113877" sldId="296"/>
            <ac:inkMk id="18" creationId="{519C0566-AF22-8F12-7755-775DAAD26AC1}"/>
          </ac:inkMkLst>
        </pc:inkChg>
        <pc:inkChg chg="add del">
          <ac:chgData name="Matias Vázquez Piñón" userId="e82d7a76-e5c2-4749-baff-1bb8c1dfc0d7" providerId="ADAL" clId="{FC50E581-9A3F-A24F-9546-F40EB98BED79}" dt="2022-08-23T17:54:29.952" v="19"/>
          <ac:inkMkLst>
            <pc:docMk/>
            <pc:sldMk cId="3451113877" sldId="296"/>
            <ac:inkMk id="19" creationId="{C45427D5-F1E3-A8A7-8EF5-7327878F00B7}"/>
          </ac:inkMkLst>
        </pc:inkChg>
        <pc:inkChg chg="add del reco">
          <ac:chgData name="Matias Vázquez Piñón" userId="e82d7a76-e5c2-4749-baff-1bb8c1dfc0d7" providerId="ADAL" clId="{FC50E581-9A3F-A24F-9546-F40EB98BED79}" dt="2022-08-23T17:54:35.900" v="20"/>
          <ac:inkMkLst>
            <pc:docMk/>
            <pc:sldMk cId="3451113877" sldId="296"/>
            <ac:inkMk id="20" creationId="{D018F304-8A9F-0425-F8BA-E927DC53287F}"/>
          </ac:inkMkLst>
        </pc:inkChg>
        <pc:inkChg chg="add del">
          <ac:chgData name="Matias Vázquez Piñón" userId="e82d7a76-e5c2-4749-baff-1bb8c1dfc0d7" providerId="ADAL" clId="{FC50E581-9A3F-A24F-9546-F40EB98BED79}" dt="2022-08-23T17:54:40.541" v="25"/>
          <ac:inkMkLst>
            <pc:docMk/>
            <pc:sldMk cId="3451113877" sldId="296"/>
            <ac:inkMk id="21" creationId="{3E3C24ED-D456-266A-515C-631C24262243}"/>
          </ac:inkMkLst>
        </pc:inkChg>
        <pc:inkChg chg="add del">
          <ac:chgData name="Matias Vázquez Piñón" userId="e82d7a76-e5c2-4749-baff-1bb8c1dfc0d7" providerId="ADAL" clId="{FC50E581-9A3F-A24F-9546-F40EB98BED79}" dt="2022-08-23T17:54:40.541" v="25"/>
          <ac:inkMkLst>
            <pc:docMk/>
            <pc:sldMk cId="3451113877" sldId="296"/>
            <ac:inkMk id="22" creationId="{64179961-00D2-986D-C84E-D0416D09F42E}"/>
          </ac:inkMkLst>
        </pc:inkChg>
        <pc:inkChg chg="add del">
          <ac:chgData name="Matias Vázquez Piñón" userId="e82d7a76-e5c2-4749-baff-1bb8c1dfc0d7" providerId="ADAL" clId="{FC50E581-9A3F-A24F-9546-F40EB98BED79}" dt="2022-08-23T17:54:40.541" v="25"/>
          <ac:inkMkLst>
            <pc:docMk/>
            <pc:sldMk cId="3451113877" sldId="296"/>
            <ac:inkMk id="23" creationId="{3C602708-BB73-247B-ED68-E0B52C247C17}"/>
          </ac:inkMkLst>
        </pc:inkChg>
        <pc:inkChg chg="add del reco">
          <ac:chgData name="Matias Vázquez Piñón" userId="e82d7a76-e5c2-4749-baff-1bb8c1dfc0d7" providerId="ADAL" clId="{FC50E581-9A3F-A24F-9546-F40EB98BED79}" dt="2022-08-23T17:54:48.062" v="29"/>
          <ac:inkMkLst>
            <pc:docMk/>
            <pc:sldMk cId="3451113877" sldId="296"/>
            <ac:inkMk id="24" creationId="{15910E09-D3F4-9066-5399-332EB6C1B8B3}"/>
          </ac:inkMkLst>
        </pc:inkChg>
        <pc:inkChg chg="add del">
          <ac:chgData name="Matias Vázquez Piñón" userId="e82d7a76-e5c2-4749-baff-1bb8c1dfc0d7" providerId="ADAL" clId="{FC50E581-9A3F-A24F-9546-F40EB98BED79}" dt="2022-08-23T17:54:46.097" v="28"/>
          <ac:inkMkLst>
            <pc:docMk/>
            <pc:sldMk cId="3451113877" sldId="296"/>
            <ac:inkMk id="25" creationId="{17514625-5DD0-2E76-4B10-3E4BA200C263}"/>
          </ac:inkMkLst>
        </pc:inkChg>
        <pc:inkChg chg="add del">
          <ac:chgData name="Matias Vázquez Piñón" userId="e82d7a76-e5c2-4749-baff-1bb8c1dfc0d7" providerId="ADAL" clId="{FC50E581-9A3F-A24F-9546-F40EB98BED79}" dt="2022-08-23T17:54:46.097" v="28"/>
          <ac:inkMkLst>
            <pc:docMk/>
            <pc:sldMk cId="3451113877" sldId="296"/>
            <ac:inkMk id="26" creationId="{0617081D-13F4-9264-152A-887CFB7421BB}"/>
          </ac:inkMkLst>
        </pc:inkChg>
        <pc:inkChg chg="add del reco">
          <ac:chgData name="Matias Vázquez Piñón" userId="e82d7a76-e5c2-4749-baff-1bb8c1dfc0d7" providerId="ADAL" clId="{FC50E581-9A3F-A24F-9546-F40EB98BED79}" dt="2022-08-23T17:54:48.067" v="30"/>
          <ac:inkMkLst>
            <pc:docMk/>
            <pc:sldMk cId="3451113877" sldId="296"/>
            <ac:inkMk id="28" creationId="{E59C24BD-C88C-E3B7-7CCC-F31E7C90A222}"/>
          </ac:inkMkLst>
        </pc:inkChg>
        <pc:inkChg chg="add del">
          <ac:chgData name="Matias Vázquez Piñón" userId="e82d7a76-e5c2-4749-baff-1bb8c1dfc0d7" providerId="ADAL" clId="{FC50E581-9A3F-A24F-9546-F40EB98BED79}" dt="2022-08-23T17:55:00.648" v="33"/>
          <ac:inkMkLst>
            <pc:docMk/>
            <pc:sldMk cId="3451113877" sldId="296"/>
            <ac:inkMk id="29" creationId="{FCF355C3-EB60-8773-A685-9745B4C6CC3D}"/>
          </ac:inkMkLst>
        </pc:inkChg>
        <pc:inkChg chg="add del">
          <ac:chgData name="Matias Vázquez Piñón" userId="e82d7a76-e5c2-4749-baff-1bb8c1dfc0d7" providerId="ADAL" clId="{FC50E581-9A3F-A24F-9546-F40EB98BED79}" dt="2022-08-23T17:55:00.648" v="33"/>
          <ac:inkMkLst>
            <pc:docMk/>
            <pc:sldMk cId="3451113877" sldId="296"/>
            <ac:inkMk id="30" creationId="{52729DF7-1FAE-9090-A33D-3A0C0D68C8DB}"/>
          </ac:inkMkLst>
        </pc:inkChg>
        <pc:inkChg chg="add del reco">
          <ac:chgData name="Matias Vázquez Piñón" userId="e82d7a76-e5c2-4749-baff-1bb8c1dfc0d7" providerId="ADAL" clId="{FC50E581-9A3F-A24F-9546-F40EB98BED79}" dt="2022-08-23T17:55:19.490" v="47"/>
          <ac:inkMkLst>
            <pc:docMk/>
            <pc:sldMk cId="3451113877" sldId="296"/>
            <ac:inkMk id="31" creationId="{A446D14F-EE20-024D-92BD-09D8D5AD2481}"/>
          </ac:inkMkLst>
        </pc:inkChg>
        <pc:inkChg chg="add del">
          <ac:chgData name="Matias Vázquez Piñón" userId="e82d7a76-e5c2-4749-baff-1bb8c1dfc0d7" providerId="ADAL" clId="{FC50E581-9A3F-A24F-9546-F40EB98BED79}" dt="2022-08-23T17:55:05.440" v="39"/>
          <ac:inkMkLst>
            <pc:docMk/>
            <pc:sldMk cId="3451113877" sldId="296"/>
            <ac:inkMk id="32" creationId="{AF6A7C65-AD09-0B24-7C7C-B65BACB8C2D9}"/>
          </ac:inkMkLst>
        </pc:inkChg>
        <pc:inkChg chg="add del">
          <ac:chgData name="Matias Vázquez Piñón" userId="e82d7a76-e5c2-4749-baff-1bb8c1dfc0d7" providerId="ADAL" clId="{FC50E581-9A3F-A24F-9546-F40EB98BED79}" dt="2022-08-23T17:55:05.440" v="39"/>
          <ac:inkMkLst>
            <pc:docMk/>
            <pc:sldMk cId="3451113877" sldId="296"/>
            <ac:inkMk id="33" creationId="{39127A96-4E9A-5FF3-C892-EEEF1A5FAA70}"/>
          </ac:inkMkLst>
        </pc:inkChg>
        <pc:inkChg chg="add del">
          <ac:chgData name="Matias Vázquez Piñón" userId="e82d7a76-e5c2-4749-baff-1bb8c1dfc0d7" providerId="ADAL" clId="{FC50E581-9A3F-A24F-9546-F40EB98BED79}" dt="2022-08-23T17:55:05.440" v="39"/>
          <ac:inkMkLst>
            <pc:docMk/>
            <pc:sldMk cId="3451113877" sldId="296"/>
            <ac:inkMk id="34" creationId="{7D750853-7FE2-84B5-21DC-67F5AE0EFB93}"/>
          </ac:inkMkLst>
        </pc:inkChg>
        <pc:inkChg chg="add del">
          <ac:chgData name="Matias Vázquez Piñón" userId="e82d7a76-e5c2-4749-baff-1bb8c1dfc0d7" providerId="ADAL" clId="{FC50E581-9A3F-A24F-9546-F40EB98BED79}" dt="2022-08-23T17:55:05.440" v="39"/>
          <ac:inkMkLst>
            <pc:docMk/>
            <pc:sldMk cId="3451113877" sldId="296"/>
            <ac:inkMk id="35" creationId="{6A4DC313-CF89-1472-B23C-17EFB622C9BB}"/>
          </ac:inkMkLst>
        </pc:inkChg>
        <pc:inkChg chg="add del">
          <ac:chgData name="Matias Vázquez Piñón" userId="e82d7a76-e5c2-4749-baff-1bb8c1dfc0d7" providerId="ADAL" clId="{FC50E581-9A3F-A24F-9546-F40EB98BED79}" dt="2022-08-23T17:55:05.440" v="39"/>
          <ac:inkMkLst>
            <pc:docMk/>
            <pc:sldMk cId="3451113877" sldId="296"/>
            <ac:inkMk id="36" creationId="{1710B0E6-BB91-4737-5401-13C69CE4BEE1}"/>
          </ac:inkMkLst>
        </pc:inkChg>
        <pc:inkChg chg="add del reco">
          <ac:chgData name="Matias Vázquez Piñón" userId="e82d7a76-e5c2-4749-baff-1bb8c1dfc0d7" providerId="ADAL" clId="{FC50E581-9A3F-A24F-9546-F40EB98BED79}" dt="2022-08-23T17:55:19.484" v="45"/>
          <ac:inkMkLst>
            <pc:docMk/>
            <pc:sldMk cId="3451113877" sldId="296"/>
            <ac:inkMk id="37" creationId="{267E8A5B-3DD3-D88E-25E1-64DCD46402DD}"/>
          </ac:inkMkLst>
        </pc:inkChg>
        <pc:inkChg chg="add del">
          <ac:chgData name="Matias Vázquez Piñón" userId="e82d7a76-e5c2-4749-baff-1bb8c1dfc0d7" providerId="ADAL" clId="{FC50E581-9A3F-A24F-9546-F40EB98BED79}" dt="2022-08-23T17:55:13.661" v="44"/>
          <ac:inkMkLst>
            <pc:docMk/>
            <pc:sldMk cId="3451113877" sldId="296"/>
            <ac:inkMk id="38" creationId="{55FBB0B6-C5F7-CD41-D5ED-B4DFE7D8177E}"/>
          </ac:inkMkLst>
        </pc:inkChg>
        <pc:inkChg chg="add del">
          <ac:chgData name="Matias Vázquez Piñón" userId="e82d7a76-e5c2-4749-baff-1bb8c1dfc0d7" providerId="ADAL" clId="{FC50E581-9A3F-A24F-9546-F40EB98BED79}" dt="2022-08-23T17:55:13.661" v="44"/>
          <ac:inkMkLst>
            <pc:docMk/>
            <pc:sldMk cId="3451113877" sldId="296"/>
            <ac:inkMk id="39" creationId="{998D7868-29A2-0EFF-5B1A-261A162A09DE}"/>
          </ac:inkMkLst>
        </pc:inkChg>
        <pc:inkChg chg="add del">
          <ac:chgData name="Matias Vázquez Piñón" userId="e82d7a76-e5c2-4749-baff-1bb8c1dfc0d7" providerId="ADAL" clId="{FC50E581-9A3F-A24F-9546-F40EB98BED79}" dt="2022-08-23T17:55:13.661" v="44"/>
          <ac:inkMkLst>
            <pc:docMk/>
            <pc:sldMk cId="3451113877" sldId="296"/>
            <ac:inkMk id="40" creationId="{F9F14DE9-0B5D-C974-FBEC-9D87C483D6DF}"/>
          </ac:inkMkLst>
        </pc:inkChg>
        <pc:inkChg chg="add del">
          <ac:chgData name="Matias Vázquez Piñón" userId="e82d7a76-e5c2-4749-baff-1bb8c1dfc0d7" providerId="ADAL" clId="{FC50E581-9A3F-A24F-9546-F40EB98BED79}" dt="2022-08-23T17:55:13.661" v="44"/>
          <ac:inkMkLst>
            <pc:docMk/>
            <pc:sldMk cId="3451113877" sldId="296"/>
            <ac:inkMk id="41" creationId="{6BE5E692-BCAB-4224-DE0E-D28B8235B7A2}"/>
          </ac:inkMkLst>
        </pc:inkChg>
        <pc:inkChg chg="add del reco">
          <ac:chgData name="Matias Vázquez Piñón" userId="e82d7a76-e5c2-4749-baff-1bb8c1dfc0d7" providerId="ADAL" clId="{FC50E581-9A3F-A24F-9546-F40EB98BED79}" dt="2022-08-23T17:55:19.488" v="46"/>
          <ac:inkMkLst>
            <pc:docMk/>
            <pc:sldMk cId="3451113877" sldId="296"/>
            <ac:inkMk id="42" creationId="{5D462693-EDCD-2895-DF20-92EC2CEF025E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3" creationId="{71C0C92B-9028-AFEC-8FEC-54160B78FBCF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4" creationId="{E50CA2C5-3CB3-7C4F-A24F-82439A75A7E1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5" creationId="{3DC7F9AD-89DC-F404-3AD0-43AB9703BC00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6" creationId="{F4415AA8-BE1C-9384-0B84-CBC21CD161BF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7" creationId="{BE71C31F-0E33-A0A1-FBDA-6498A1E0DCBC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8" creationId="{6C8F4157-FDF5-3D33-A260-D1B2C91A7AB1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9" creationId="{6D753C60-B190-3B60-6D2F-74B631A2CAB6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50" creationId="{71C52A68-A038-1F50-6DD5-E41302B8F785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51" creationId="{BF8E1021-B548-1FCD-A389-5A01970BE779}"/>
          </ac:inkMkLst>
        </pc:inkChg>
        <pc:inkChg chg="add del reco">
          <ac:chgData name="Matias Vázquez Piñón" userId="e82d7a76-e5c2-4749-baff-1bb8c1dfc0d7" providerId="ADAL" clId="{FC50E581-9A3F-A24F-9546-F40EB98BED79}" dt="2022-08-23T17:55:48.583" v="67"/>
          <ac:inkMkLst>
            <pc:docMk/>
            <pc:sldMk cId="3451113877" sldId="296"/>
            <ac:inkMk id="52" creationId="{F3DE7816-6D28-60A6-8808-9339BA9C646B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3" creationId="{2AAB59E6-F40C-DBF3-852E-D6B4D28922E0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4" creationId="{5ECC5DC1-5FE4-335E-A0AA-9168BB4F8FCB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5" creationId="{3B4DF46A-6571-69C3-3CCE-146D872F2DFC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6" creationId="{29C35DBD-DA24-0806-B9C0-4F129E10813E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7" creationId="{C70119AC-A577-FD4B-184C-8AF2FB50E9FA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8" creationId="{3C368682-36D0-D584-F639-9406F4DA1D40}"/>
          </ac:inkMkLst>
        </pc:inkChg>
        <pc:inkChg chg="add del reco">
          <ac:chgData name="Matias Vázquez Piñón" userId="e82d7a76-e5c2-4749-baff-1bb8c1dfc0d7" providerId="ADAL" clId="{FC50E581-9A3F-A24F-9546-F40EB98BED79}" dt="2022-08-23T17:55:48.587" v="68"/>
          <ac:inkMkLst>
            <pc:docMk/>
            <pc:sldMk cId="3451113877" sldId="296"/>
            <ac:inkMk id="59" creationId="{4D400FE6-4D41-B9C1-EC1C-F8ADBABD5076}"/>
          </ac:inkMkLst>
        </pc:inkChg>
        <pc:inkChg chg="add del">
          <ac:chgData name="Matias Vázquez Piñón" userId="e82d7a76-e5c2-4749-baff-1bb8c1dfc0d7" providerId="ADAL" clId="{FC50E581-9A3F-A24F-9546-F40EB98BED79}" dt="2022-08-23T17:55:48.579" v="66"/>
          <ac:inkMkLst>
            <pc:docMk/>
            <pc:sldMk cId="3451113877" sldId="296"/>
            <ac:inkMk id="60" creationId="{E321AC32-03EE-6C47-8FAF-471100B341A6}"/>
          </ac:inkMkLst>
        </pc:inkChg>
        <pc:inkChg chg="add del">
          <ac:chgData name="Matias Vázquez Piñón" userId="e82d7a76-e5c2-4749-baff-1bb8c1dfc0d7" providerId="ADAL" clId="{FC50E581-9A3F-A24F-9546-F40EB98BED79}" dt="2022-08-23T17:55:56.578" v="74"/>
          <ac:inkMkLst>
            <pc:docMk/>
            <pc:sldMk cId="3451113877" sldId="296"/>
            <ac:inkMk id="61" creationId="{6D0B3E23-6FA7-C7C4-13CA-451C1BD5462E}"/>
          </ac:inkMkLst>
        </pc:inkChg>
        <pc:inkChg chg="add del">
          <ac:chgData name="Matias Vázquez Piñón" userId="e82d7a76-e5c2-4749-baff-1bb8c1dfc0d7" providerId="ADAL" clId="{FC50E581-9A3F-A24F-9546-F40EB98BED79}" dt="2022-08-23T17:55:56.578" v="74"/>
          <ac:inkMkLst>
            <pc:docMk/>
            <pc:sldMk cId="3451113877" sldId="296"/>
            <ac:inkMk id="62" creationId="{104B6C8C-ECBE-5EB3-4653-EB5595185946}"/>
          </ac:inkMkLst>
        </pc:inkChg>
        <pc:inkChg chg="add del">
          <ac:chgData name="Matias Vázquez Piñón" userId="e82d7a76-e5c2-4749-baff-1bb8c1dfc0d7" providerId="ADAL" clId="{FC50E581-9A3F-A24F-9546-F40EB98BED79}" dt="2022-08-23T17:55:56.578" v="74"/>
          <ac:inkMkLst>
            <pc:docMk/>
            <pc:sldMk cId="3451113877" sldId="296"/>
            <ac:inkMk id="63" creationId="{2FDB8696-377A-C3BD-DA8F-625FF3B26C3B}"/>
          </ac:inkMkLst>
        </pc:inkChg>
        <pc:inkChg chg="add del">
          <ac:chgData name="Matias Vázquez Piñón" userId="e82d7a76-e5c2-4749-baff-1bb8c1dfc0d7" providerId="ADAL" clId="{FC50E581-9A3F-A24F-9546-F40EB98BED79}" dt="2022-08-23T17:55:56.578" v="74"/>
          <ac:inkMkLst>
            <pc:docMk/>
            <pc:sldMk cId="3451113877" sldId="296"/>
            <ac:inkMk id="64" creationId="{A8EF9F7F-92BB-A8EA-0D8F-CA4085809979}"/>
          </ac:inkMkLst>
        </pc:inkChg>
        <pc:inkChg chg="add del">
          <ac:chgData name="Matias Vázquez Piñón" userId="e82d7a76-e5c2-4749-baff-1bb8c1dfc0d7" providerId="ADAL" clId="{FC50E581-9A3F-A24F-9546-F40EB98BED79}" dt="2022-08-23T17:55:56.578" v="74"/>
          <ac:inkMkLst>
            <pc:docMk/>
            <pc:sldMk cId="3451113877" sldId="296"/>
            <ac:inkMk id="65" creationId="{FBCEBA3E-85BA-A170-0628-BCEFFF0CD9F5}"/>
          </ac:inkMkLst>
        </pc:inkChg>
        <pc:inkChg chg="add del reco">
          <ac:chgData name="Matias Vázquez Piñón" userId="e82d7a76-e5c2-4749-baff-1bb8c1dfc0d7" providerId="ADAL" clId="{FC50E581-9A3F-A24F-9546-F40EB98BED79}" dt="2022-08-23T17:56:01.857" v="82"/>
          <ac:inkMkLst>
            <pc:docMk/>
            <pc:sldMk cId="3451113877" sldId="296"/>
            <ac:inkMk id="66" creationId="{BE5C4983-4052-0875-BAC8-7EAE15E95DC0}"/>
          </ac:inkMkLst>
        </pc:inkChg>
        <pc:inkChg chg="add del">
          <ac:chgData name="Matias Vázquez Piñón" userId="e82d7a76-e5c2-4749-baff-1bb8c1dfc0d7" providerId="ADAL" clId="{FC50E581-9A3F-A24F-9546-F40EB98BED79}" dt="2022-08-23T17:56:00.223" v="80"/>
          <ac:inkMkLst>
            <pc:docMk/>
            <pc:sldMk cId="3451113877" sldId="296"/>
            <ac:inkMk id="67" creationId="{12F04D67-E42C-E60A-65EB-94A6437B4F21}"/>
          </ac:inkMkLst>
        </pc:inkChg>
        <pc:inkChg chg="add del">
          <ac:chgData name="Matias Vázquez Piñón" userId="e82d7a76-e5c2-4749-baff-1bb8c1dfc0d7" providerId="ADAL" clId="{FC50E581-9A3F-A24F-9546-F40EB98BED79}" dt="2022-08-23T17:56:00.223" v="80"/>
          <ac:inkMkLst>
            <pc:docMk/>
            <pc:sldMk cId="3451113877" sldId="296"/>
            <ac:inkMk id="68" creationId="{93E20855-F265-AC74-B501-836EA3B0EE2A}"/>
          </ac:inkMkLst>
        </pc:inkChg>
        <pc:inkChg chg="add del">
          <ac:chgData name="Matias Vázquez Piñón" userId="e82d7a76-e5c2-4749-baff-1bb8c1dfc0d7" providerId="ADAL" clId="{FC50E581-9A3F-A24F-9546-F40EB98BED79}" dt="2022-08-23T17:56:00.223" v="80"/>
          <ac:inkMkLst>
            <pc:docMk/>
            <pc:sldMk cId="3451113877" sldId="296"/>
            <ac:inkMk id="69" creationId="{C28197AE-0E60-B3CF-F7D4-3BAE9327A489}"/>
          </ac:inkMkLst>
        </pc:inkChg>
        <pc:inkChg chg="add del">
          <ac:chgData name="Matias Vázquez Piñón" userId="e82d7a76-e5c2-4749-baff-1bb8c1dfc0d7" providerId="ADAL" clId="{FC50E581-9A3F-A24F-9546-F40EB98BED79}" dt="2022-08-23T17:56:00.223" v="80"/>
          <ac:inkMkLst>
            <pc:docMk/>
            <pc:sldMk cId="3451113877" sldId="296"/>
            <ac:inkMk id="70" creationId="{AE77E156-09BB-0C39-BF4B-8E62BCBFDBFA}"/>
          </ac:inkMkLst>
        </pc:inkChg>
        <pc:inkChg chg="add del">
          <ac:chgData name="Matias Vázquez Piñón" userId="e82d7a76-e5c2-4749-baff-1bb8c1dfc0d7" providerId="ADAL" clId="{FC50E581-9A3F-A24F-9546-F40EB98BED79}" dt="2022-08-23T17:56:00.223" v="80"/>
          <ac:inkMkLst>
            <pc:docMk/>
            <pc:sldMk cId="3451113877" sldId="296"/>
            <ac:inkMk id="71" creationId="{15AAFD23-C745-B194-57BD-01680E29FE0F}"/>
          </ac:inkMkLst>
        </pc:inkChg>
        <pc:inkChg chg="add del reco">
          <ac:chgData name="Matias Vázquez Piñón" userId="e82d7a76-e5c2-4749-baff-1bb8c1dfc0d7" providerId="ADAL" clId="{FC50E581-9A3F-A24F-9546-F40EB98BED79}" dt="2022-08-23T17:56:01.851" v="81"/>
          <ac:inkMkLst>
            <pc:docMk/>
            <pc:sldMk cId="3451113877" sldId="296"/>
            <ac:inkMk id="72" creationId="{CEF0B996-BF71-43EA-01FD-8BB4A9703707}"/>
          </ac:inkMkLst>
        </pc:inkChg>
        <pc:inkChg chg="add del">
          <ac:chgData name="Matias Vázquez Piñón" userId="e82d7a76-e5c2-4749-baff-1bb8c1dfc0d7" providerId="ADAL" clId="{FC50E581-9A3F-A24F-9546-F40EB98BED79}" dt="2022-08-23T17:56:07.336" v="85"/>
          <ac:inkMkLst>
            <pc:docMk/>
            <pc:sldMk cId="3451113877" sldId="296"/>
            <ac:inkMk id="73" creationId="{259F22FA-533D-48CB-74D9-45EC08A05DD8}"/>
          </ac:inkMkLst>
        </pc:inkChg>
        <pc:inkChg chg="add del">
          <ac:chgData name="Matias Vázquez Piñón" userId="e82d7a76-e5c2-4749-baff-1bb8c1dfc0d7" providerId="ADAL" clId="{FC50E581-9A3F-A24F-9546-F40EB98BED79}" dt="2022-08-23T17:56:07.336" v="85"/>
          <ac:inkMkLst>
            <pc:docMk/>
            <pc:sldMk cId="3451113877" sldId="296"/>
            <ac:inkMk id="74" creationId="{B08A3159-06B2-BC9B-C334-D8EDF9653847}"/>
          </ac:inkMkLst>
        </pc:inkChg>
        <pc:inkChg chg="add del reco">
          <ac:chgData name="Matias Vázquez Piñón" userId="e82d7a76-e5c2-4749-baff-1bb8c1dfc0d7" providerId="ADAL" clId="{FC50E581-9A3F-A24F-9546-F40EB98BED79}" dt="2022-08-23T17:56:08.709" v="86"/>
          <ac:inkMkLst>
            <pc:docMk/>
            <pc:sldMk cId="3451113877" sldId="296"/>
            <ac:inkMk id="75" creationId="{DA642451-AD03-593E-4428-72DBF56431C1}"/>
          </ac:inkMkLst>
        </pc:inkChg>
        <pc:inkChg chg="add del">
          <ac:chgData name="Matias Vázquez Piñón" userId="e82d7a76-e5c2-4749-baff-1bb8c1dfc0d7" providerId="ADAL" clId="{FC50E581-9A3F-A24F-9546-F40EB98BED79}" dt="2022-08-23T17:56:14.845" v="92"/>
          <ac:inkMkLst>
            <pc:docMk/>
            <pc:sldMk cId="3451113877" sldId="296"/>
            <ac:inkMk id="76" creationId="{FB2C16BE-E8D7-9F79-F7C4-113286FD42DD}"/>
          </ac:inkMkLst>
        </pc:inkChg>
        <pc:inkChg chg="add del">
          <ac:chgData name="Matias Vázquez Piñón" userId="e82d7a76-e5c2-4749-baff-1bb8c1dfc0d7" providerId="ADAL" clId="{FC50E581-9A3F-A24F-9546-F40EB98BED79}" dt="2022-08-23T17:56:14.845" v="92"/>
          <ac:inkMkLst>
            <pc:docMk/>
            <pc:sldMk cId="3451113877" sldId="296"/>
            <ac:inkMk id="77" creationId="{BA90C3C8-6D3D-EAA2-879C-E5410A9F057F}"/>
          </ac:inkMkLst>
        </pc:inkChg>
        <pc:inkChg chg="add del">
          <ac:chgData name="Matias Vázquez Piñón" userId="e82d7a76-e5c2-4749-baff-1bb8c1dfc0d7" providerId="ADAL" clId="{FC50E581-9A3F-A24F-9546-F40EB98BED79}" dt="2022-08-23T17:56:14.845" v="92"/>
          <ac:inkMkLst>
            <pc:docMk/>
            <pc:sldMk cId="3451113877" sldId="296"/>
            <ac:inkMk id="78" creationId="{52B7ACAE-38E2-08D3-B5E0-40A2B2D9A47A}"/>
          </ac:inkMkLst>
        </pc:inkChg>
        <pc:inkChg chg="add del">
          <ac:chgData name="Matias Vázquez Piñón" userId="e82d7a76-e5c2-4749-baff-1bb8c1dfc0d7" providerId="ADAL" clId="{FC50E581-9A3F-A24F-9546-F40EB98BED79}" dt="2022-08-23T17:56:14.845" v="92"/>
          <ac:inkMkLst>
            <pc:docMk/>
            <pc:sldMk cId="3451113877" sldId="296"/>
            <ac:inkMk id="79" creationId="{32FC9BC3-5B50-8115-B2BC-5759250C6C33}"/>
          </ac:inkMkLst>
        </pc:inkChg>
        <pc:inkChg chg="add del">
          <ac:chgData name="Matias Vázquez Piñón" userId="e82d7a76-e5c2-4749-baff-1bb8c1dfc0d7" providerId="ADAL" clId="{FC50E581-9A3F-A24F-9546-F40EB98BED79}" dt="2022-08-23T17:56:14.845" v="92"/>
          <ac:inkMkLst>
            <pc:docMk/>
            <pc:sldMk cId="3451113877" sldId="296"/>
            <ac:inkMk id="80" creationId="{EC2698BC-30E3-30BC-4A2C-8A4A6CF32B9E}"/>
          </ac:inkMkLst>
        </pc:inkChg>
        <pc:inkChg chg="add del reco">
          <ac:chgData name="Matias Vázquez Piñón" userId="e82d7a76-e5c2-4749-baff-1bb8c1dfc0d7" providerId="ADAL" clId="{FC50E581-9A3F-A24F-9546-F40EB98BED79}" dt="2022-08-23T17:56:20.256" v="93"/>
          <ac:inkMkLst>
            <pc:docMk/>
            <pc:sldMk cId="3451113877" sldId="296"/>
            <ac:inkMk id="81" creationId="{021A5EC7-2D83-901A-6A7A-AFD830985A71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2" creationId="{1B7848A7-3AD3-D71A-0A92-F9E045884E98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3" creationId="{486F5C49-415D-F463-A926-20581774D2C7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4" creationId="{94F70130-6ACC-D5A0-9EAC-7E2577420370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5" creationId="{1236CC58-D926-7877-D1F6-965BAB0A5E4A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6" creationId="{DF55E8AB-5BDE-1DBB-9FCC-7B2ABE050F20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7" creationId="{26CB55A3-BF85-352A-E4AF-D7BC422BA6DC}"/>
          </ac:inkMkLst>
        </pc:inkChg>
        <pc:inkChg chg="add del reco">
          <ac:chgData name="Matias Vázquez Piñón" userId="e82d7a76-e5c2-4749-baff-1bb8c1dfc0d7" providerId="ADAL" clId="{FC50E581-9A3F-A24F-9546-F40EB98BED79}" dt="2022-08-23T17:56:37.187" v="104"/>
          <ac:inkMkLst>
            <pc:docMk/>
            <pc:sldMk cId="3451113877" sldId="296"/>
            <ac:inkMk id="88" creationId="{27C8F522-9799-CFEA-090E-FC122EEA7600}"/>
          </ac:inkMkLst>
        </pc:inkChg>
        <pc:inkChg chg="add del">
          <ac:chgData name="Matias Vázquez Piñón" userId="e82d7a76-e5c2-4749-baff-1bb8c1dfc0d7" providerId="ADAL" clId="{FC50E581-9A3F-A24F-9546-F40EB98BED79}" dt="2022-08-23T17:56:34.578" v="103"/>
          <ac:inkMkLst>
            <pc:docMk/>
            <pc:sldMk cId="3451113877" sldId="296"/>
            <ac:inkMk id="89" creationId="{692B1E69-4592-327E-574B-0CCF39374468}"/>
          </ac:inkMkLst>
        </pc:inkChg>
        <pc:inkChg chg="add del">
          <ac:chgData name="Matias Vázquez Piñón" userId="e82d7a76-e5c2-4749-baff-1bb8c1dfc0d7" providerId="ADAL" clId="{FC50E581-9A3F-A24F-9546-F40EB98BED79}" dt="2022-08-23T17:56:34.578" v="103"/>
          <ac:inkMkLst>
            <pc:docMk/>
            <pc:sldMk cId="3451113877" sldId="296"/>
            <ac:inkMk id="90" creationId="{94C0F305-90EA-64D8-E17C-00EA53C036F2}"/>
          </ac:inkMkLst>
        </pc:inkChg>
        <pc:inkChg chg="add del reco">
          <ac:chgData name="Matias Vázquez Piñón" userId="e82d7a76-e5c2-4749-baff-1bb8c1dfc0d7" providerId="ADAL" clId="{FC50E581-9A3F-A24F-9546-F40EB98BED79}" dt="2022-08-23T17:56:37.193" v="105"/>
          <ac:inkMkLst>
            <pc:docMk/>
            <pc:sldMk cId="3451113877" sldId="296"/>
            <ac:inkMk id="91" creationId="{58811F74-D2AB-3A86-FD12-572DCE764007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2" creationId="{9A4B87E1-6CB7-B4B5-0C73-152B85780B40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3" creationId="{1C13B3CD-4EA8-F51C-EEE2-BE78581E71B6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4" creationId="{969C2CF0-5D3A-91C6-9D20-8D0E4016FFCA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5" creationId="{9660E2CB-9CFE-CD19-6B5B-BDD9FB42AF67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6" creationId="{42DCF2F2-D1E9-B887-1C0D-766B00813AD4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7" creationId="{1F7BCE43-2825-D0C6-676D-16AF6F652EEC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8" creationId="{7A930D82-7CFB-38AE-213E-43261CA15977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9" creationId="{5BDD02AD-870B-2042-CE38-8BD0AC8A7C0D}"/>
          </ac:inkMkLst>
        </pc:inkChg>
        <pc:inkChg chg="add del reco">
          <ac:chgData name="Matias Vázquez Piñón" userId="e82d7a76-e5c2-4749-baff-1bb8c1dfc0d7" providerId="ADAL" clId="{FC50E581-9A3F-A24F-9546-F40EB98BED79}" dt="2022-08-23T17:56:45.610" v="115"/>
          <ac:inkMkLst>
            <pc:docMk/>
            <pc:sldMk cId="3451113877" sldId="296"/>
            <ac:inkMk id="100" creationId="{7F73DD54-C874-4B40-A80E-A9F7A0E80439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1" creationId="{F7E32FA9-EA9C-2B08-45F9-BC12BE81EEF0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2" creationId="{5F4D88ED-35D7-5000-CD00-901DB6791DF7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3" creationId="{BA2EEE35-0EEC-24C7-95FD-F7096AD9ECA5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4" creationId="{6D057FF9-5971-8D99-52AA-C7D05E826858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5" creationId="{2E4D279A-E2C0-6B97-6CF5-43F113D03798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6" creationId="{2304E679-89DD-D81A-A983-9DDEA2736FDC}"/>
          </ac:inkMkLst>
        </pc:inkChg>
        <pc:inkChg chg="add del reco">
          <ac:chgData name="Matias Vázquez Piñón" userId="e82d7a76-e5c2-4749-baff-1bb8c1dfc0d7" providerId="ADAL" clId="{FC50E581-9A3F-A24F-9546-F40EB98BED79}" dt="2022-08-23T17:56:56.225" v="123"/>
          <ac:inkMkLst>
            <pc:docMk/>
            <pc:sldMk cId="3451113877" sldId="296"/>
            <ac:inkMk id="107" creationId="{2FDDD83A-A03C-82F2-3BD1-15599A7FA9CA}"/>
          </ac:inkMkLst>
        </pc:inkChg>
        <pc:inkChg chg="add del">
          <ac:chgData name="Matias Vázquez Piñón" userId="e82d7a76-e5c2-4749-baff-1bb8c1dfc0d7" providerId="ADAL" clId="{FC50E581-9A3F-A24F-9546-F40EB98BED79}" dt="2022-08-23T17:57:01.560" v="128"/>
          <ac:inkMkLst>
            <pc:docMk/>
            <pc:sldMk cId="3451113877" sldId="296"/>
            <ac:inkMk id="108" creationId="{ABC9EAA9-C199-1A72-6E73-729926F63396}"/>
          </ac:inkMkLst>
        </pc:inkChg>
        <pc:inkChg chg="add del">
          <ac:chgData name="Matias Vázquez Piñón" userId="e82d7a76-e5c2-4749-baff-1bb8c1dfc0d7" providerId="ADAL" clId="{FC50E581-9A3F-A24F-9546-F40EB98BED79}" dt="2022-08-23T17:57:01.560" v="128"/>
          <ac:inkMkLst>
            <pc:docMk/>
            <pc:sldMk cId="3451113877" sldId="296"/>
            <ac:inkMk id="109" creationId="{19ABEDF8-DFB4-0B45-4FA8-F9DAD153B381}"/>
          </ac:inkMkLst>
        </pc:inkChg>
        <pc:inkChg chg="add del">
          <ac:chgData name="Matias Vázquez Piñón" userId="e82d7a76-e5c2-4749-baff-1bb8c1dfc0d7" providerId="ADAL" clId="{FC50E581-9A3F-A24F-9546-F40EB98BED79}" dt="2022-08-23T17:57:01.560" v="128"/>
          <ac:inkMkLst>
            <pc:docMk/>
            <pc:sldMk cId="3451113877" sldId="296"/>
            <ac:inkMk id="110" creationId="{D2182BD3-FAFB-B285-77DA-D5FE2C9BBD27}"/>
          </ac:inkMkLst>
        </pc:inkChg>
        <pc:inkChg chg="add del">
          <ac:chgData name="Matias Vázquez Piñón" userId="e82d7a76-e5c2-4749-baff-1bb8c1dfc0d7" providerId="ADAL" clId="{FC50E581-9A3F-A24F-9546-F40EB98BED79}" dt="2022-08-23T17:57:01.560" v="128"/>
          <ac:inkMkLst>
            <pc:docMk/>
            <pc:sldMk cId="3451113877" sldId="296"/>
            <ac:inkMk id="111" creationId="{BE0A0276-7EDA-8047-A563-C20B3B36415D}"/>
          </ac:inkMkLst>
        </pc:inkChg>
        <pc:inkChg chg="add del reco">
          <ac:chgData name="Matias Vázquez Piñón" userId="e82d7a76-e5c2-4749-baff-1bb8c1dfc0d7" providerId="ADAL" clId="{FC50E581-9A3F-A24F-9546-F40EB98BED79}" dt="2022-08-23T17:57:34.927" v="152"/>
          <ac:inkMkLst>
            <pc:docMk/>
            <pc:sldMk cId="3451113877" sldId="296"/>
            <ac:inkMk id="112" creationId="{7898F2FC-4E04-6481-E2EE-4F811387FC4C}"/>
          </ac:inkMkLst>
        </pc:inkChg>
        <pc:inkChg chg="add del">
          <ac:chgData name="Matias Vázquez Piñón" userId="e82d7a76-e5c2-4749-baff-1bb8c1dfc0d7" providerId="ADAL" clId="{FC50E581-9A3F-A24F-9546-F40EB98BED79}" dt="2022-08-23T17:57:05.123" v="131"/>
          <ac:inkMkLst>
            <pc:docMk/>
            <pc:sldMk cId="3451113877" sldId="296"/>
            <ac:inkMk id="113" creationId="{D2E759C9-7A1B-DA80-8678-E35610B3875E}"/>
          </ac:inkMkLst>
        </pc:inkChg>
        <pc:inkChg chg="add del">
          <ac:chgData name="Matias Vázquez Piñón" userId="e82d7a76-e5c2-4749-baff-1bb8c1dfc0d7" providerId="ADAL" clId="{FC50E581-9A3F-A24F-9546-F40EB98BED79}" dt="2022-08-23T17:57:05.123" v="131"/>
          <ac:inkMkLst>
            <pc:docMk/>
            <pc:sldMk cId="3451113877" sldId="296"/>
            <ac:inkMk id="114" creationId="{A4CA6F16-7D7C-2296-836E-41CDA0726E1C}"/>
          </ac:inkMkLst>
        </pc:inkChg>
        <pc:inkChg chg="add del reco">
          <ac:chgData name="Matias Vázquez Piñón" userId="e82d7a76-e5c2-4749-baff-1bb8c1dfc0d7" providerId="ADAL" clId="{FC50E581-9A3F-A24F-9546-F40EB98BED79}" dt="2022-08-23T17:57:34.916" v="149"/>
          <ac:inkMkLst>
            <pc:docMk/>
            <pc:sldMk cId="3451113877" sldId="296"/>
            <ac:inkMk id="115" creationId="{A3FA20C3-980D-F88A-EEE2-F328CCA0EBCF}"/>
          </ac:inkMkLst>
        </pc:inkChg>
        <pc:inkChg chg="add del">
          <ac:chgData name="Matias Vázquez Piñón" userId="e82d7a76-e5c2-4749-baff-1bb8c1dfc0d7" providerId="ADAL" clId="{FC50E581-9A3F-A24F-9546-F40EB98BED79}" dt="2022-08-23T17:57:08.771" v="136"/>
          <ac:inkMkLst>
            <pc:docMk/>
            <pc:sldMk cId="3451113877" sldId="296"/>
            <ac:inkMk id="116" creationId="{6E1050CE-017A-F302-E070-7616A20A316F}"/>
          </ac:inkMkLst>
        </pc:inkChg>
        <pc:inkChg chg="add del">
          <ac:chgData name="Matias Vázquez Piñón" userId="e82d7a76-e5c2-4749-baff-1bb8c1dfc0d7" providerId="ADAL" clId="{FC50E581-9A3F-A24F-9546-F40EB98BED79}" dt="2022-08-23T17:57:08.771" v="136"/>
          <ac:inkMkLst>
            <pc:docMk/>
            <pc:sldMk cId="3451113877" sldId="296"/>
            <ac:inkMk id="117" creationId="{94060E6B-E391-BE84-F582-A25F39BB6402}"/>
          </ac:inkMkLst>
        </pc:inkChg>
        <pc:inkChg chg="add del">
          <ac:chgData name="Matias Vázquez Piñón" userId="e82d7a76-e5c2-4749-baff-1bb8c1dfc0d7" providerId="ADAL" clId="{FC50E581-9A3F-A24F-9546-F40EB98BED79}" dt="2022-08-23T17:57:08.771" v="136"/>
          <ac:inkMkLst>
            <pc:docMk/>
            <pc:sldMk cId="3451113877" sldId="296"/>
            <ac:inkMk id="118" creationId="{539C25AE-7363-3814-7AEF-647AC63AD04A}"/>
          </ac:inkMkLst>
        </pc:inkChg>
        <pc:inkChg chg="add del">
          <ac:chgData name="Matias Vázquez Piñón" userId="e82d7a76-e5c2-4749-baff-1bb8c1dfc0d7" providerId="ADAL" clId="{FC50E581-9A3F-A24F-9546-F40EB98BED79}" dt="2022-08-23T17:57:08.771" v="136"/>
          <ac:inkMkLst>
            <pc:docMk/>
            <pc:sldMk cId="3451113877" sldId="296"/>
            <ac:inkMk id="119" creationId="{A3C77BBC-A00A-6013-5651-F7AA996E203C}"/>
          </ac:inkMkLst>
        </pc:inkChg>
        <pc:inkChg chg="add del reco">
          <ac:chgData name="Matias Vázquez Piñón" userId="e82d7a76-e5c2-4749-baff-1bb8c1dfc0d7" providerId="ADAL" clId="{FC50E581-9A3F-A24F-9546-F40EB98BED79}" dt="2022-08-23T17:57:34.924" v="151"/>
          <ac:inkMkLst>
            <pc:docMk/>
            <pc:sldMk cId="3451113877" sldId="296"/>
            <ac:inkMk id="120" creationId="{D14FE3F5-5C36-705D-FE16-E863D385DF02}"/>
          </ac:inkMkLst>
        </pc:inkChg>
        <pc:inkChg chg="add del">
          <ac:chgData name="Matias Vázquez Piñón" userId="e82d7a76-e5c2-4749-baff-1bb8c1dfc0d7" providerId="ADAL" clId="{FC50E581-9A3F-A24F-9546-F40EB98BED79}" dt="2022-08-23T17:57:13.123" v="139"/>
          <ac:inkMkLst>
            <pc:docMk/>
            <pc:sldMk cId="3451113877" sldId="296"/>
            <ac:inkMk id="121" creationId="{7B19FEE5-1340-319E-0A3D-7BFF44CA55D8}"/>
          </ac:inkMkLst>
        </pc:inkChg>
        <pc:inkChg chg="add del">
          <ac:chgData name="Matias Vázquez Piñón" userId="e82d7a76-e5c2-4749-baff-1bb8c1dfc0d7" providerId="ADAL" clId="{FC50E581-9A3F-A24F-9546-F40EB98BED79}" dt="2022-08-23T17:57:13.123" v="139"/>
          <ac:inkMkLst>
            <pc:docMk/>
            <pc:sldMk cId="3451113877" sldId="296"/>
            <ac:inkMk id="122" creationId="{6E3BE685-963A-4D24-B223-DDF029B0363B}"/>
          </ac:inkMkLst>
        </pc:inkChg>
        <pc:inkChg chg="add del reco">
          <ac:chgData name="Matias Vázquez Piñón" userId="e82d7a76-e5c2-4749-baff-1bb8c1dfc0d7" providerId="ADAL" clId="{FC50E581-9A3F-A24F-9546-F40EB98BED79}" dt="2022-08-23T17:57:34.920" v="150"/>
          <ac:inkMkLst>
            <pc:docMk/>
            <pc:sldMk cId="3451113877" sldId="296"/>
            <ac:inkMk id="123" creationId="{3BE1FEA8-2FAF-C991-EAA2-561A4539DE07}"/>
          </ac:inkMkLst>
        </pc:inkChg>
        <pc:inkChg chg="add del">
          <ac:chgData name="Matias Vázquez Piñón" userId="e82d7a76-e5c2-4749-baff-1bb8c1dfc0d7" providerId="ADAL" clId="{FC50E581-9A3F-A24F-9546-F40EB98BED79}" dt="2022-08-23T17:57:25.781" v="144"/>
          <ac:inkMkLst>
            <pc:docMk/>
            <pc:sldMk cId="3451113877" sldId="296"/>
            <ac:inkMk id="124" creationId="{45BE6B42-095F-50DE-179C-B365B43992D8}"/>
          </ac:inkMkLst>
        </pc:inkChg>
        <pc:inkChg chg="add del">
          <ac:chgData name="Matias Vázquez Piñón" userId="e82d7a76-e5c2-4749-baff-1bb8c1dfc0d7" providerId="ADAL" clId="{FC50E581-9A3F-A24F-9546-F40EB98BED79}" dt="2022-08-23T17:57:24.240" v="143"/>
          <ac:inkMkLst>
            <pc:docMk/>
            <pc:sldMk cId="3451113877" sldId="296"/>
            <ac:inkMk id="125" creationId="{62070B1F-EC7C-D6E6-1F87-E2EC87DD34ED}"/>
          </ac:inkMkLst>
        </pc:inkChg>
        <pc:inkChg chg="add del">
          <ac:chgData name="Matias Vázquez Piñón" userId="e82d7a76-e5c2-4749-baff-1bb8c1dfc0d7" providerId="ADAL" clId="{FC50E581-9A3F-A24F-9546-F40EB98BED79}" dt="2022-08-23T17:57:24.240" v="143"/>
          <ac:inkMkLst>
            <pc:docMk/>
            <pc:sldMk cId="3451113877" sldId="296"/>
            <ac:inkMk id="126" creationId="{401920C1-CECA-DB65-A8F7-A1BF0578AAB6}"/>
          </ac:inkMkLst>
        </pc:inkChg>
        <pc:inkChg chg="add del reco">
          <ac:chgData name="Matias Vázquez Piñón" userId="e82d7a76-e5c2-4749-baff-1bb8c1dfc0d7" providerId="ADAL" clId="{FC50E581-9A3F-A24F-9546-F40EB98BED79}" dt="2022-08-23T17:57:34.929" v="153"/>
          <ac:inkMkLst>
            <pc:docMk/>
            <pc:sldMk cId="3451113877" sldId="296"/>
            <ac:inkMk id="127" creationId="{44D4FF6D-7240-14D2-1B1B-337962686DB2}"/>
          </ac:inkMkLst>
        </pc:inkChg>
        <pc:inkChg chg="add del">
          <ac:chgData name="Matias Vázquez Piñón" userId="e82d7a76-e5c2-4749-baff-1bb8c1dfc0d7" providerId="ADAL" clId="{FC50E581-9A3F-A24F-9546-F40EB98BED79}" dt="2022-08-23T17:57:29.089" v="147"/>
          <ac:inkMkLst>
            <pc:docMk/>
            <pc:sldMk cId="3451113877" sldId="296"/>
            <ac:inkMk id="128" creationId="{BCE877E8-327D-9A93-1A37-233AD1CA48C3}"/>
          </ac:inkMkLst>
        </pc:inkChg>
        <pc:inkChg chg="add del">
          <ac:chgData name="Matias Vázquez Piñón" userId="e82d7a76-e5c2-4749-baff-1bb8c1dfc0d7" providerId="ADAL" clId="{FC50E581-9A3F-A24F-9546-F40EB98BED79}" dt="2022-08-23T17:57:29.089" v="147"/>
          <ac:inkMkLst>
            <pc:docMk/>
            <pc:sldMk cId="3451113877" sldId="296"/>
            <ac:inkMk id="129" creationId="{94F634A2-7E6F-6DD9-3985-7958AD71C2F6}"/>
          </ac:inkMkLst>
        </pc:inkChg>
        <pc:inkChg chg="add del reco">
          <ac:chgData name="Matias Vázquez Piñón" userId="e82d7a76-e5c2-4749-baff-1bb8c1dfc0d7" providerId="ADAL" clId="{FC50E581-9A3F-A24F-9546-F40EB98BED79}" dt="2022-08-23T17:57:34.911" v="148"/>
          <ac:inkMkLst>
            <pc:docMk/>
            <pc:sldMk cId="3451113877" sldId="296"/>
            <ac:inkMk id="130" creationId="{164DFF6B-6505-7E29-C9C1-4980EC3072C0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1" creationId="{73289F0B-FCB0-DD45-9959-831717E326C0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2" creationId="{3CDDB5DE-6E93-D2E0-743F-71A0D893C583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3" creationId="{682A15F0-8204-75E2-3603-5C84A6ED3CA4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4" creationId="{E1002747-08F8-6310-5DF2-5C97E1DC35F9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5" creationId="{982CAB00-7065-1D23-AB71-AC1D949F3F4B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6" creationId="{2FCEF3EC-267F-B2ED-0AC7-AB57295060BB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7" creationId="{5F46BE86-9DD2-5C32-C3A5-CB4EE57F6983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8" creationId="{6EB0EF24-75C5-3A06-817D-34ABD4DF5226}"/>
          </ac:inkMkLst>
        </pc:inkChg>
        <pc:inkChg chg="add del reco">
          <ac:chgData name="Matias Vázquez Piñón" userId="e82d7a76-e5c2-4749-baff-1bb8c1dfc0d7" providerId="ADAL" clId="{FC50E581-9A3F-A24F-9546-F40EB98BED79}" dt="2022-08-23T17:57:47.167" v="163"/>
          <ac:inkMkLst>
            <pc:docMk/>
            <pc:sldMk cId="3451113877" sldId="296"/>
            <ac:inkMk id="139" creationId="{58979D12-533D-6310-5110-C6091041BF73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0" creationId="{0513C3FB-ACAE-9DEC-46BC-A01058A7D299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1" creationId="{0271AF18-5754-2F83-1C7E-0768C3E26524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2" creationId="{7F4FB9F8-6BCA-462B-B23E-6178E388BA8B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3" creationId="{376340C5-C672-16CF-B8CA-850A565C9CF9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4" creationId="{83DD23D1-505C-91F5-2C83-09C181715250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5" creationId="{0FE589C5-C3E7-7085-4A9F-DCAA1C69D3C8}"/>
          </ac:inkMkLst>
        </pc:inkChg>
        <pc:inkChg chg="add del reco">
          <ac:chgData name="Matias Vázquez Piñón" userId="e82d7a76-e5c2-4749-baff-1bb8c1dfc0d7" providerId="ADAL" clId="{FC50E581-9A3F-A24F-9546-F40EB98BED79}" dt="2022-08-23T17:58:03.014" v="171"/>
          <ac:inkMkLst>
            <pc:docMk/>
            <pc:sldMk cId="3451113877" sldId="296"/>
            <ac:inkMk id="146" creationId="{862BB866-4248-9937-F4E7-0CBAF6CC1714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47" creationId="{BDBC6B10-7D5C-E7EB-6FE8-258740107A31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48" creationId="{87A894B3-1051-C0BD-6D9E-7C1991115C6A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49" creationId="{C6FEC217-9032-97FA-4084-A1BC043114AB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50" creationId="{F3EACEA0-0D46-6CAA-8565-E3F2647B79B8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51" creationId="{4ADE8E5E-0AC6-07C5-CEFA-C774E333CFCD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52" creationId="{C1D49196-78C1-C4DE-AFA9-5B0581F0E3A5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53" creationId="{8F6F00FC-0E48-F9FC-F975-6079DD4B8AF2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54" creationId="{CEEF30C9-7A85-7E57-3E45-F4DF30078ACA}"/>
          </ac:inkMkLst>
        </pc:inkChg>
        <pc:inkChg chg="add del reco">
          <ac:chgData name="Matias Vázquez Piñón" userId="e82d7a76-e5c2-4749-baff-1bb8c1dfc0d7" providerId="ADAL" clId="{FC50E581-9A3F-A24F-9546-F40EB98BED79}" dt="2022-08-23T17:58:39.562" v="201"/>
          <ac:inkMkLst>
            <pc:docMk/>
            <pc:sldMk cId="3451113877" sldId="296"/>
            <ac:inkMk id="155" creationId="{CED563A3-2270-14F9-74FE-5378AFD03A50}"/>
          </ac:inkMkLst>
        </pc:inkChg>
        <pc:inkChg chg="add del">
          <ac:chgData name="Matias Vázquez Piñón" userId="e82d7a76-e5c2-4749-baff-1bb8c1dfc0d7" providerId="ADAL" clId="{FC50E581-9A3F-A24F-9546-F40EB98BED79}" dt="2022-08-23T17:58:16.485" v="183"/>
          <ac:inkMkLst>
            <pc:docMk/>
            <pc:sldMk cId="3451113877" sldId="296"/>
            <ac:inkMk id="156" creationId="{2EDBE1DF-EEDF-1096-CB4D-821913EC92B1}"/>
          </ac:inkMkLst>
        </pc:inkChg>
        <pc:inkChg chg="add del">
          <ac:chgData name="Matias Vázquez Piñón" userId="e82d7a76-e5c2-4749-baff-1bb8c1dfc0d7" providerId="ADAL" clId="{FC50E581-9A3F-A24F-9546-F40EB98BED79}" dt="2022-08-23T17:58:16.485" v="183"/>
          <ac:inkMkLst>
            <pc:docMk/>
            <pc:sldMk cId="3451113877" sldId="296"/>
            <ac:inkMk id="157" creationId="{BDCB15CE-5E2C-405B-8DCE-11F1D348A9F3}"/>
          </ac:inkMkLst>
        </pc:inkChg>
        <pc:inkChg chg="add del reco">
          <ac:chgData name="Matias Vázquez Piñón" userId="e82d7a76-e5c2-4749-baff-1bb8c1dfc0d7" providerId="ADAL" clId="{FC50E581-9A3F-A24F-9546-F40EB98BED79}" dt="2022-08-23T17:58:39.558" v="200"/>
          <ac:inkMkLst>
            <pc:docMk/>
            <pc:sldMk cId="3451113877" sldId="296"/>
            <ac:inkMk id="158" creationId="{D79F0AE6-F8EE-95A5-F8C9-7118F7C2925F}"/>
          </ac:inkMkLst>
        </pc:inkChg>
        <pc:inkChg chg="add del">
          <ac:chgData name="Matias Vázquez Piñón" userId="e82d7a76-e5c2-4749-baff-1bb8c1dfc0d7" providerId="ADAL" clId="{FC50E581-9A3F-A24F-9546-F40EB98BED79}" dt="2022-08-23T17:58:20.113" v="187"/>
          <ac:inkMkLst>
            <pc:docMk/>
            <pc:sldMk cId="3451113877" sldId="296"/>
            <ac:inkMk id="159" creationId="{C48CCD2E-A909-3D02-AAB8-A4E7190D87E6}"/>
          </ac:inkMkLst>
        </pc:inkChg>
        <pc:inkChg chg="add del">
          <ac:chgData name="Matias Vázquez Piñón" userId="e82d7a76-e5c2-4749-baff-1bb8c1dfc0d7" providerId="ADAL" clId="{FC50E581-9A3F-A24F-9546-F40EB98BED79}" dt="2022-08-23T17:58:20.113" v="187"/>
          <ac:inkMkLst>
            <pc:docMk/>
            <pc:sldMk cId="3451113877" sldId="296"/>
            <ac:inkMk id="160" creationId="{695EFE30-5A0A-CC9A-7577-2B80EF4A697E}"/>
          </ac:inkMkLst>
        </pc:inkChg>
        <pc:inkChg chg="add del">
          <ac:chgData name="Matias Vázquez Piñón" userId="e82d7a76-e5c2-4749-baff-1bb8c1dfc0d7" providerId="ADAL" clId="{FC50E581-9A3F-A24F-9546-F40EB98BED79}" dt="2022-08-23T17:58:20.113" v="187"/>
          <ac:inkMkLst>
            <pc:docMk/>
            <pc:sldMk cId="3451113877" sldId="296"/>
            <ac:inkMk id="161" creationId="{12765936-1A04-DD4B-92A4-588659E995EF}"/>
          </ac:inkMkLst>
        </pc:inkChg>
        <pc:inkChg chg="add del reco">
          <ac:chgData name="Matias Vázquez Piñón" userId="e82d7a76-e5c2-4749-baff-1bb8c1dfc0d7" providerId="ADAL" clId="{FC50E581-9A3F-A24F-9546-F40EB98BED79}" dt="2022-08-23T17:58:39.574" v="206"/>
          <ac:inkMkLst>
            <pc:docMk/>
            <pc:sldMk cId="3451113877" sldId="296"/>
            <ac:inkMk id="162" creationId="{844B20BE-4B1F-05BF-CEDC-8445CB5436E0}"/>
          </ac:inkMkLst>
        </pc:inkChg>
        <pc:inkChg chg="add del">
          <ac:chgData name="Matias Vázquez Piñón" userId="e82d7a76-e5c2-4749-baff-1bb8c1dfc0d7" providerId="ADAL" clId="{FC50E581-9A3F-A24F-9546-F40EB98BED79}" dt="2022-08-23T17:58:25.299" v="192"/>
          <ac:inkMkLst>
            <pc:docMk/>
            <pc:sldMk cId="3451113877" sldId="296"/>
            <ac:inkMk id="163" creationId="{A84532A1-A6B4-6898-C1AB-1E16BBA5D259}"/>
          </ac:inkMkLst>
        </pc:inkChg>
        <pc:inkChg chg="add del">
          <ac:chgData name="Matias Vázquez Piñón" userId="e82d7a76-e5c2-4749-baff-1bb8c1dfc0d7" providerId="ADAL" clId="{FC50E581-9A3F-A24F-9546-F40EB98BED79}" dt="2022-08-23T17:58:25.299" v="192"/>
          <ac:inkMkLst>
            <pc:docMk/>
            <pc:sldMk cId="3451113877" sldId="296"/>
            <ac:inkMk id="164" creationId="{2D639CB9-AB11-AFFE-A743-F97526BB34E5}"/>
          </ac:inkMkLst>
        </pc:inkChg>
        <pc:inkChg chg="add del">
          <ac:chgData name="Matias Vázquez Piñón" userId="e82d7a76-e5c2-4749-baff-1bb8c1dfc0d7" providerId="ADAL" clId="{FC50E581-9A3F-A24F-9546-F40EB98BED79}" dt="2022-08-23T17:58:25.299" v="192"/>
          <ac:inkMkLst>
            <pc:docMk/>
            <pc:sldMk cId="3451113877" sldId="296"/>
            <ac:inkMk id="165" creationId="{11D87D5F-1BFD-5744-7A1D-68F058FF3CCA}"/>
          </ac:inkMkLst>
        </pc:inkChg>
        <pc:inkChg chg="add del">
          <ac:chgData name="Matias Vázquez Piñón" userId="e82d7a76-e5c2-4749-baff-1bb8c1dfc0d7" providerId="ADAL" clId="{FC50E581-9A3F-A24F-9546-F40EB98BED79}" dt="2022-08-23T17:58:25.299" v="192"/>
          <ac:inkMkLst>
            <pc:docMk/>
            <pc:sldMk cId="3451113877" sldId="296"/>
            <ac:inkMk id="166" creationId="{B4628154-7A37-3C94-2EF2-4CBB451FA1F4}"/>
          </ac:inkMkLst>
        </pc:inkChg>
        <pc:inkChg chg="add del reco">
          <ac:chgData name="Matias Vázquez Piñón" userId="e82d7a76-e5c2-4749-baff-1bb8c1dfc0d7" providerId="ADAL" clId="{FC50E581-9A3F-A24F-9546-F40EB98BED79}" dt="2022-08-23T17:58:39.567" v="203"/>
          <ac:inkMkLst>
            <pc:docMk/>
            <pc:sldMk cId="3451113877" sldId="296"/>
            <ac:inkMk id="167" creationId="{CDD65500-7553-9470-3358-344CB49FE772}"/>
          </ac:inkMkLst>
        </pc:inkChg>
        <pc:inkChg chg="add del">
          <ac:chgData name="Matias Vázquez Piñón" userId="e82d7a76-e5c2-4749-baff-1bb8c1dfc0d7" providerId="ADAL" clId="{FC50E581-9A3F-A24F-9546-F40EB98BED79}" dt="2022-08-23T17:58:27.804" v="195"/>
          <ac:inkMkLst>
            <pc:docMk/>
            <pc:sldMk cId="3451113877" sldId="296"/>
            <ac:inkMk id="168" creationId="{06E2CFFF-E11E-9278-A084-0D23244FAB5D}"/>
          </ac:inkMkLst>
        </pc:inkChg>
        <pc:inkChg chg="add del">
          <ac:chgData name="Matias Vázquez Piñón" userId="e82d7a76-e5c2-4749-baff-1bb8c1dfc0d7" providerId="ADAL" clId="{FC50E581-9A3F-A24F-9546-F40EB98BED79}" dt="2022-08-23T17:58:27.804" v="195"/>
          <ac:inkMkLst>
            <pc:docMk/>
            <pc:sldMk cId="3451113877" sldId="296"/>
            <ac:inkMk id="169" creationId="{68CE14AB-9718-1743-F944-4B4498AE59E4}"/>
          </ac:inkMkLst>
        </pc:inkChg>
        <pc:inkChg chg="add del reco">
          <ac:chgData name="Matias Vázquez Piñón" userId="e82d7a76-e5c2-4749-baff-1bb8c1dfc0d7" providerId="ADAL" clId="{FC50E581-9A3F-A24F-9546-F40EB98BED79}" dt="2022-08-23T17:58:39.572" v="205"/>
          <ac:inkMkLst>
            <pc:docMk/>
            <pc:sldMk cId="3451113877" sldId="296"/>
            <ac:inkMk id="170" creationId="{CBA0771B-1027-BD81-797E-24B1AD572A1F}"/>
          </ac:inkMkLst>
        </pc:inkChg>
        <pc:inkChg chg="add del">
          <ac:chgData name="Matias Vázquez Piñón" userId="e82d7a76-e5c2-4749-baff-1bb8c1dfc0d7" providerId="ADAL" clId="{FC50E581-9A3F-A24F-9546-F40EB98BED79}" dt="2022-08-23T17:58:30.052" v="198"/>
          <ac:inkMkLst>
            <pc:docMk/>
            <pc:sldMk cId="3451113877" sldId="296"/>
            <ac:inkMk id="171" creationId="{B80A6103-75AB-DAFF-3AFD-AD3AFEF52A8B}"/>
          </ac:inkMkLst>
        </pc:inkChg>
        <pc:inkChg chg="add del">
          <ac:chgData name="Matias Vázquez Piñón" userId="e82d7a76-e5c2-4749-baff-1bb8c1dfc0d7" providerId="ADAL" clId="{FC50E581-9A3F-A24F-9546-F40EB98BED79}" dt="2022-08-23T17:58:30.052" v="198"/>
          <ac:inkMkLst>
            <pc:docMk/>
            <pc:sldMk cId="3451113877" sldId="296"/>
            <ac:inkMk id="172" creationId="{69A6DCC3-1445-3859-7E34-A9CA77A4EA55}"/>
          </ac:inkMkLst>
        </pc:inkChg>
        <pc:inkChg chg="add del reco">
          <ac:chgData name="Matias Vázquez Piñón" userId="e82d7a76-e5c2-4749-baff-1bb8c1dfc0d7" providerId="ADAL" clId="{FC50E581-9A3F-A24F-9546-F40EB98BED79}" dt="2022-08-23T17:58:39.569" v="204"/>
          <ac:inkMkLst>
            <pc:docMk/>
            <pc:sldMk cId="3451113877" sldId="296"/>
            <ac:inkMk id="173" creationId="{03C74396-54DF-13FD-CA7A-A240495758A4}"/>
          </ac:inkMkLst>
        </pc:inkChg>
        <pc:inkChg chg="add del">
          <ac:chgData name="Matias Vázquez Piñón" userId="e82d7a76-e5c2-4749-baff-1bb8c1dfc0d7" providerId="ADAL" clId="{FC50E581-9A3F-A24F-9546-F40EB98BED79}" dt="2022-08-23T17:58:39.564" v="202"/>
          <ac:inkMkLst>
            <pc:docMk/>
            <pc:sldMk cId="3451113877" sldId="296"/>
            <ac:inkMk id="174" creationId="{4FAEBE9D-0201-7DFA-7B1E-988E4DA2FED8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75" creationId="{9FED0E4A-1B67-CA85-5BFD-0080AFBBC488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76" creationId="{C8F664AB-FD73-0AA2-8B07-483EA3B35B35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77" creationId="{BE445976-A4D1-61E1-83AB-931FECE6002C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78" creationId="{54E6EAC4-AD86-4957-65BE-7B19EDFEFD57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79" creationId="{031D32A5-4407-080D-B0DB-CCA59307C986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80" creationId="{02004A61-0281-2977-3805-14706D7F3556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81" creationId="{335B43A5-01D5-380E-87B0-2F3CA3F6DD08}"/>
          </ac:inkMkLst>
        </pc:inkChg>
        <pc:inkChg chg="add del reco">
          <ac:chgData name="Matias Vázquez Piñón" userId="e82d7a76-e5c2-4749-baff-1bb8c1dfc0d7" providerId="ADAL" clId="{FC50E581-9A3F-A24F-9546-F40EB98BED79}" dt="2022-08-23T18:00:10.997" v="256"/>
          <ac:inkMkLst>
            <pc:docMk/>
            <pc:sldMk cId="3451113877" sldId="296"/>
            <ac:inkMk id="182" creationId="{C8ECF790-A39C-E387-4F8E-AD33AE41E987}"/>
          </ac:inkMkLst>
        </pc:inkChg>
        <pc:inkChg chg="add del">
          <ac:chgData name="Matias Vázquez Piñón" userId="e82d7a76-e5c2-4749-baff-1bb8c1dfc0d7" providerId="ADAL" clId="{FC50E581-9A3F-A24F-9546-F40EB98BED79}" dt="2022-08-23T17:59:09.392" v="217"/>
          <ac:inkMkLst>
            <pc:docMk/>
            <pc:sldMk cId="3451113877" sldId="296"/>
            <ac:inkMk id="183" creationId="{EB3711FB-2417-FA6F-6641-708865F11A1B}"/>
          </ac:inkMkLst>
        </pc:inkChg>
        <pc:inkChg chg="add del">
          <ac:chgData name="Matias Vázquez Piñón" userId="e82d7a76-e5c2-4749-baff-1bb8c1dfc0d7" providerId="ADAL" clId="{FC50E581-9A3F-A24F-9546-F40EB98BED79}" dt="2022-08-23T17:59:09.392" v="217"/>
          <ac:inkMkLst>
            <pc:docMk/>
            <pc:sldMk cId="3451113877" sldId="296"/>
            <ac:inkMk id="184" creationId="{04AC3AF7-2C72-B0BC-547B-F0D91EB39250}"/>
          </ac:inkMkLst>
        </pc:inkChg>
        <pc:inkChg chg="add del reco">
          <ac:chgData name="Matias Vázquez Piñón" userId="e82d7a76-e5c2-4749-baff-1bb8c1dfc0d7" providerId="ADAL" clId="{FC50E581-9A3F-A24F-9546-F40EB98BED79}" dt="2022-08-23T18:00:10.998" v="257"/>
          <ac:inkMkLst>
            <pc:docMk/>
            <pc:sldMk cId="3451113877" sldId="296"/>
            <ac:inkMk id="185" creationId="{06AFB2EB-2DC1-310B-C8A4-A966305D3AAC}"/>
          </ac:inkMkLst>
        </pc:inkChg>
        <pc:inkChg chg="add del">
          <ac:chgData name="Matias Vázquez Piñón" userId="e82d7a76-e5c2-4749-baff-1bb8c1dfc0d7" providerId="ADAL" clId="{FC50E581-9A3F-A24F-9546-F40EB98BED79}" dt="2022-08-23T17:59:11.304" v="220"/>
          <ac:inkMkLst>
            <pc:docMk/>
            <pc:sldMk cId="3451113877" sldId="296"/>
            <ac:inkMk id="186" creationId="{384946E8-5471-59A3-D9E3-BE6D7C450182}"/>
          </ac:inkMkLst>
        </pc:inkChg>
        <pc:inkChg chg="add del">
          <ac:chgData name="Matias Vázquez Piñón" userId="e82d7a76-e5c2-4749-baff-1bb8c1dfc0d7" providerId="ADAL" clId="{FC50E581-9A3F-A24F-9546-F40EB98BED79}" dt="2022-08-23T17:59:11.304" v="220"/>
          <ac:inkMkLst>
            <pc:docMk/>
            <pc:sldMk cId="3451113877" sldId="296"/>
            <ac:inkMk id="187" creationId="{C4D96AD4-5FFF-283C-9F25-43B3846537A4}"/>
          </ac:inkMkLst>
        </pc:inkChg>
        <pc:inkChg chg="add del reco">
          <ac:chgData name="Matias Vázquez Piñón" userId="e82d7a76-e5c2-4749-baff-1bb8c1dfc0d7" providerId="ADAL" clId="{FC50E581-9A3F-A24F-9546-F40EB98BED79}" dt="2022-08-23T18:00:10.994" v="255"/>
          <ac:inkMkLst>
            <pc:docMk/>
            <pc:sldMk cId="3451113877" sldId="296"/>
            <ac:inkMk id="188" creationId="{7EE75F01-D60E-2AB1-781C-2245D12FBE6A}"/>
          </ac:inkMkLst>
        </pc:inkChg>
        <pc:inkChg chg="add del">
          <ac:chgData name="Matias Vázquez Piñón" userId="e82d7a76-e5c2-4749-baff-1bb8c1dfc0d7" providerId="ADAL" clId="{FC50E581-9A3F-A24F-9546-F40EB98BED79}" dt="2022-08-23T17:59:14.453" v="226"/>
          <ac:inkMkLst>
            <pc:docMk/>
            <pc:sldMk cId="3451113877" sldId="296"/>
            <ac:inkMk id="189" creationId="{DA1488C7-AC73-A58C-9BB4-7BBF4C1F8F05}"/>
          </ac:inkMkLst>
        </pc:inkChg>
        <pc:inkChg chg="add del">
          <ac:chgData name="Matias Vázquez Piñón" userId="e82d7a76-e5c2-4749-baff-1bb8c1dfc0d7" providerId="ADAL" clId="{FC50E581-9A3F-A24F-9546-F40EB98BED79}" dt="2022-08-23T17:59:14.453" v="226"/>
          <ac:inkMkLst>
            <pc:docMk/>
            <pc:sldMk cId="3451113877" sldId="296"/>
            <ac:inkMk id="190" creationId="{273AB1E8-BEEA-230E-CB0A-7F57DB7B8AF0}"/>
          </ac:inkMkLst>
        </pc:inkChg>
        <pc:inkChg chg="add del">
          <ac:chgData name="Matias Vázquez Piñón" userId="e82d7a76-e5c2-4749-baff-1bb8c1dfc0d7" providerId="ADAL" clId="{FC50E581-9A3F-A24F-9546-F40EB98BED79}" dt="2022-08-23T17:59:14.453" v="226"/>
          <ac:inkMkLst>
            <pc:docMk/>
            <pc:sldMk cId="3451113877" sldId="296"/>
            <ac:inkMk id="191" creationId="{226CFEA2-2FCA-7D69-32B5-BC6227CE7D78}"/>
          </ac:inkMkLst>
        </pc:inkChg>
        <pc:inkChg chg="add del">
          <ac:chgData name="Matias Vázquez Piñón" userId="e82d7a76-e5c2-4749-baff-1bb8c1dfc0d7" providerId="ADAL" clId="{FC50E581-9A3F-A24F-9546-F40EB98BED79}" dt="2022-08-23T17:59:14.453" v="226"/>
          <ac:inkMkLst>
            <pc:docMk/>
            <pc:sldMk cId="3451113877" sldId="296"/>
            <ac:inkMk id="192" creationId="{1ADAEECC-4B99-67A7-DBD2-B0EFB17AAC85}"/>
          </ac:inkMkLst>
        </pc:inkChg>
        <pc:inkChg chg="add del">
          <ac:chgData name="Matias Vázquez Piñón" userId="e82d7a76-e5c2-4749-baff-1bb8c1dfc0d7" providerId="ADAL" clId="{FC50E581-9A3F-A24F-9546-F40EB98BED79}" dt="2022-08-23T17:59:14.453" v="226"/>
          <ac:inkMkLst>
            <pc:docMk/>
            <pc:sldMk cId="3451113877" sldId="296"/>
            <ac:inkMk id="193" creationId="{75A1EDFA-9002-8C40-F71F-410B735141A6}"/>
          </ac:inkMkLst>
        </pc:inkChg>
        <pc:inkChg chg="add del reco">
          <ac:chgData name="Matias Vázquez Piñón" userId="e82d7a76-e5c2-4749-baff-1bb8c1dfc0d7" providerId="ADAL" clId="{FC50E581-9A3F-A24F-9546-F40EB98BED79}" dt="2022-08-23T18:00:10.983" v="251"/>
          <ac:inkMkLst>
            <pc:docMk/>
            <pc:sldMk cId="3451113877" sldId="296"/>
            <ac:inkMk id="194" creationId="{699F985A-B7ED-8C3C-0847-1FBAA5F8E26D}"/>
          </ac:inkMkLst>
        </pc:inkChg>
        <pc:inkChg chg="add del">
          <ac:chgData name="Matias Vázquez Piñón" userId="e82d7a76-e5c2-4749-baff-1bb8c1dfc0d7" providerId="ADAL" clId="{FC50E581-9A3F-A24F-9546-F40EB98BED79}" dt="2022-08-23T17:59:20.195" v="232"/>
          <ac:inkMkLst>
            <pc:docMk/>
            <pc:sldMk cId="3451113877" sldId="296"/>
            <ac:inkMk id="195" creationId="{DE847870-C084-1FEC-2977-DBEB68B94FAB}"/>
          </ac:inkMkLst>
        </pc:inkChg>
        <pc:inkChg chg="add del">
          <ac:chgData name="Matias Vázquez Piñón" userId="e82d7a76-e5c2-4749-baff-1bb8c1dfc0d7" providerId="ADAL" clId="{FC50E581-9A3F-A24F-9546-F40EB98BED79}" dt="2022-08-23T17:59:20.195" v="232"/>
          <ac:inkMkLst>
            <pc:docMk/>
            <pc:sldMk cId="3451113877" sldId="296"/>
            <ac:inkMk id="196" creationId="{F1C3B6A8-7CBA-FD83-9781-93836C63F398}"/>
          </ac:inkMkLst>
        </pc:inkChg>
        <pc:inkChg chg="add del">
          <ac:chgData name="Matias Vázquez Piñón" userId="e82d7a76-e5c2-4749-baff-1bb8c1dfc0d7" providerId="ADAL" clId="{FC50E581-9A3F-A24F-9546-F40EB98BED79}" dt="2022-08-23T17:59:20.195" v="232"/>
          <ac:inkMkLst>
            <pc:docMk/>
            <pc:sldMk cId="3451113877" sldId="296"/>
            <ac:inkMk id="197" creationId="{E2449E2C-613C-5A96-C571-24CFB13A22D9}"/>
          </ac:inkMkLst>
        </pc:inkChg>
        <pc:inkChg chg="add del">
          <ac:chgData name="Matias Vázquez Piñón" userId="e82d7a76-e5c2-4749-baff-1bb8c1dfc0d7" providerId="ADAL" clId="{FC50E581-9A3F-A24F-9546-F40EB98BED79}" dt="2022-08-23T17:59:20.195" v="232"/>
          <ac:inkMkLst>
            <pc:docMk/>
            <pc:sldMk cId="3451113877" sldId="296"/>
            <ac:inkMk id="198" creationId="{2F4A81C5-F641-88E4-F405-C33F2BA3A220}"/>
          </ac:inkMkLst>
        </pc:inkChg>
        <pc:inkChg chg="add del">
          <ac:chgData name="Matias Vázquez Piñón" userId="e82d7a76-e5c2-4749-baff-1bb8c1dfc0d7" providerId="ADAL" clId="{FC50E581-9A3F-A24F-9546-F40EB98BED79}" dt="2022-08-23T17:59:20.195" v="232"/>
          <ac:inkMkLst>
            <pc:docMk/>
            <pc:sldMk cId="3451113877" sldId="296"/>
            <ac:inkMk id="199" creationId="{CB9AF625-00F8-026B-F4A9-7E5B77E01161}"/>
          </ac:inkMkLst>
        </pc:inkChg>
        <pc:inkChg chg="add del reco">
          <ac:chgData name="Matias Vázquez Piñón" userId="e82d7a76-e5c2-4749-baff-1bb8c1dfc0d7" providerId="ADAL" clId="{FC50E581-9A3F-A24F-9546-F40EB98BED79}" dt="2022-08-23T18:00:10.992" v="254"/>
          <ac:inkMkLst>
            <pc:docMk/>
            <pc:sldMk cId="3451113877" sldId="296"/>
            <ac:inkMk id="200" creationId="{8328ABF7-B968-85A3-F4FE-1368E0F9E07A}"/>
          </ac:inkMkLst>
        </pc:inkChg>
        <pc:inkChg chg="add del">
          <ac:chgData name="Matias Vázquez Piñón" userId="e82d7a76-e5c2-4749-baff-1bb8c1dfc0d7" providerId="ADAL" clId="{FC50E581-9A3F-A24F-9546-F40EB98BED79}" dt="2022-08-23T17:59:23.014" v="235"/>
          <ac:inkMkLst>
            <pc:docMk/>
            <pc:sldMk cId="3451113877" sldId="296"/>
            <ac:inkMk id="201" creationId="{41E52553-2068-D9B3-C5A9-86EF396F3CFC}"/>
          </ac:inkMkLst>
        </pc:inkChg>
        <pc:inkChg chg="add del">
          <ac:chgData name="Matias Vázquez Piñón" userId="e82d7a76-e5c2-4749-baff-1bb8c1dfc0d7" providerId="ADAL" clId="{FC50E581-9A3F-A24F-9546-F40EB98BED79}" dt="2022-08-23T17:59:23.014" v="235"/>
          <ac:inkMkLst>
            <pc:docMk/>
            <pc:sldMk cId="3451113877" sldId="296"/>
            <ac:inkMk id="202" creationId="{39E24333-C4CC-3049-7BC8-135345BB1AB0}"/>
          </ac:inkMkLst>
        </pc:inkChg>
        <pc:inkChg chg="add del reco">
          <ac:chgData name="Matias Vázquez Piñón" userId="e82d7a76-e5c2-4749-baff-1bb8c1dfc0d7" providerId="ADAL" clId="{FC50E581-9A3F-A24F-9546-F40EB98BED79}" dt="2022-08-23T18:00:10.989" v="253"/>
          <ac:inkMkLst>
            <pc:docMk/>
            <pc:sldMk cId="3451113877" sldId="296"/>
            <ac:inkMk id="203" creationId="{7413DC36-BF65-FB71-EE5F-1E224EBA920F}"/>
          </ac:inkMkLst>
        </pc:inkChg>
        <pc:inkChg chg="add del">
          <ac:chgData name="Matias Vázquez Piñón" userId="e82d7a76-e5c2-4749-baff-1bb8c1dfc0d7" providerId="ADAL" clId="{FC50E581-9A3F-A24F-9546-F40EB98BED79}" dt="2022-08-23T17:59:26.201" v="241"/>
          <ac:inkMkLst>
            <pc:docMk/>
            <pc:sldMk cId="3451113877" sldId="296"/>
            <ac:inkMk id="204" creationId="{183AAFFF-F7ED-734B-DB86-D1A0F5D92CF8}"/>
          </ac:inkMkLst>
        </pc:inkChg>
        <pc:inkChg chg="add del">
          <ac:chgData name="Matias Vázquez Piñón" userId="e82d7a76-e5c2-4749-baff-1bb8c1dfc0d7" providerId="ADAL" clId="{FC50E581-9A3F-A24F-9546-F40EB98BED79}" dt="2022-08-23T17:59:26.201" v="241"/>
          <ac:inkMkLst>
            <pc:docMk/>
            <pc:sldMk cId="3451113877" sldId="296"/>
            <ac:inkMk id="205" creationId="{C30ABF00-8BC9-05AB-447B-207C4C92B2CA}"/>
          </ac:inkMkLst>
        </pc:inkChg>
        <pc:inkChg chg="add del">
          <ac:chgData name="Matias Vázquez Piñón" userId="e82d7a76-e5c2-4749-baff-1bb8c1dfc0d7" providerId="ADAL" clId="{FC50E581-9A3F-A24F-9546-F40EB98BED79}" dt="2022-08-23T17:59:26.201" v="241"/>
          <ac:inkMkLst>
            <pc:docMk/>
            <pc:sldMk cId="3451113877" sldId="296"/>
            <ac:inkMk id="206" creationId="{4ADE41DA-39FF-05EB-F03A-769E579D8400}"/>
          </ac:inkMkLst>
        </pc:inkChg>
        <pc:inkChg chg="add del">
          <ac:chgData name="Matias Vázquez Piñón" userId="e82d7a76-e5c2-4749-baff-1bb8c1dfc0d7" providerId="ADAL" clId="{FC50E581-9A3F-A24F-9546-F40EB98BED79}" dt="2022-08-23T17:59:26.201" v="241"/>
          <ac:inkMkLst>
            <pc:docMk/>
            <pc:sldMk cId="3451113877" sldId="296"/>
            <ac:inkMk id="207" creationId="{85C70C5E-7BDB-8227-848F-3E79A0463076}"/>
          </ac:inkMkLst>
        </pc:inkChg>
        <pc:inkChg chg="add del">
          <ac:chgData name="Matias Vázquez Piñón" userId="e82d7a76-e5c2-4749-baff-1bb8c1dfc0d7" providerId="ADAL" clId="{FC50E581-9A3F-A24F-9546-F40EB98BED79}" dt="2022-08-23T17:59:26.201" v="241"/>
          <ac:inkMkLst>
            <pc:docMk/>
            <pc:sldMk cId="3451113877" sldId="296"/>
            <ac:inkMk id="208" creationId="{8776B8D4-E5D8-CE8A-DE9E-2043F83A1930}"/>
          </ac:inkMkLst>
        </pc:inkChg>
        <pc:inkChg chg="add del reco">
          <ac:chgData name="Matias Vázquez Piñón" userId="e82d7a76-e5c2-4749-baff-1bb8c1dfc0d7" providerId="ADAL" clId="{FC50E581-9A3F-A24F-9546-F40EB98BED79}" dt="2022-08-23T18:00:11.003" v="259"/>
          <ac:inkMkLst>
            <pc:docMk/>
            <pc:sldMk cId="3451113877" sldId="296"/>
            <ac:inkMk id="209" creationId="{803C1295-F43A-B02A-B840-7190CD7E36BD}"/>
          </ac:inkMkLst>
        </pc:inkChg>
        <pc:inkChg chg="add del">
          <ac:chgData name="Matias Vázquez Piñón" userId="e82d7a76-e5c2-4749-baff-1bb8c1dfc0d7" providerId="ADAL" clId="{FC50E581-9A3F-A24F-9546-F40EB98BED79}" dt="2022-08-23T17:59:45.131" v="244"/>
          <ac:inkMkLst>
            <pc:docMk/>
            <pc:sldMk cId="3451113877" sldId="296"/>
            <ac:inkMk id="210" creationId="{6CB1B1A8-3498-23EC-A5DC-6BF3616804D0}"/>
          </ac:inkMkLst>
        </pc:inkChg>
        <pc:inkChg chg="add del">
          <ac:chgData name="Matias Vázquez Piñón" userId="e82d7a76-e5c2-4749-baff-1bb8c1dfc0d7" providerId="ADAL" clId="{FC50E581-9A3F-A24F-9546-F40EB98BED79}" dt="2022-08-23T17:59:45.131" v="244"/>
          <ac:inkMkLst>
            <pc:docMk/>
            <pc:sldMk cId="3451113877" sldId="296"/>
            <ac:inkMk id="211" creationId="{6749F381-AF14-93EE-47C1-1DF3B89B5327}"/>
          </ac:inkMkLst>
        </pc:inkChg>
        <pc:inkChg chg="add del reco">
          <ac:chgData name="Matias Vázquez Piñón" userId="e82d7a76-e5c2-4749-baff-1bb8c1dfc0d7" providerId="ADAL" clId="{FC50E581-9A3F-A24F-9546-F40EB98BED79}" dt="2022-08-23T18:00:10.986" v="252"/>
          <ac:inkMkLst>
            <pc:docMk/>
            <pc:sldMk cId="3451113877" sldId="296"/>
            <ac:inkMk id="212" creationId="{2432988A-B749-089B-5603-03EA021CCF62}"/>
          </ac:inkMkLst>
        </pc:inkChg>
        <pc:inkChg chg="add del">
          <ac:chgData name="Matias Vázquez Piñón" userId="e82d7a76-e5c2-4749-baff-1bb8c1dfc0d7" providerId="ADAL" clId="{FC50E581-9A3F-A24F-9546-F40EB98BED79}" dt="2022-08-23T18:00:04.100" v="250"/>
          <ac:inkMkLst>
            <pc:docMk/>
            <pc:sldMk cId="3451113877" sldId="296"/>
            <ac:inkMk id="213" creationId="{AE7EC5DA-C218-8EC6-954A-13C00B69A8AE}"/>
          </ac:inkMkLst>
        </pc:inkChg>
        <pc:inkChg chg="add del">
          <ac:chgData name="Matias Vázquez Piñón" userId="e82d7a76-e5c2-4749-baff-1bb8c1dfc0d7" providerId="ADAL" clId="{FC50E581-9A3F-A24F-9546-F40EB98BED79}" dt="2022-08-23T18:00:04.100" v="250"/>
          <ac:inkMkLst>
            <pc:docMk/>
            <pc:sldMk cId="3451113877" sldId="296"/>
            <ac:inkMk id="214" creationId="{D4600FFB-7F23-4F28-8531-2B1550BEDB8C}"/>
          </ac:inkMkLst>
        </pc:inkChg>
        <pc:inkChg chg="add del">
          <ac:chgData name="Matias Vázquez Piñón" userId="e82d7a76-e5c2-4749-baff-1bb8c1dfc0d7" providerId="ADAL" clId="{FC50E581-9A3F-A24F-9546-F40EB98BED79}" dt="2022-08-23T18:00:04.100" v="250"/>
          <ac:inkMkLst>
            <pc:docMk/>
            <pc:sldMk cId="3451113877" sldId="296"/>
            <ac:inkMk id="215" creationId="{FFDDBA15-964E-B55A-85A1-D741DCCB68DC}"/>
          </ac:inkMkLst>
        </pc:inkChg>
        <pc:inkChg chg="add del">
          <ac:chgData name="Matias Vázquez Piñón" userId="e82d7a76-e5c2-4749-baff-1bb8c1dfc0d7" providerId="ADAL" clId="{FC50E581-9A3F-A24F-9546-F40EB98BED79}" dt="2022-08-23T18:00:04.100" v="250"/>
          <ac:inkMkLst>
            <pc:docMk/>
            <pc:sldMk cId="3451113877" sldId="296"/>
            <ac:inkMk id="216" creationId="{3E9367F3-EF4D-2FA0-C97A-5EFC8EEC5426}"/>
          </ac:inkMkLst>
        </pc:inkChg>
        <pc:inkChg chg="add del">
          <ac:chgData name="Matias Vázquez Piñón" userId="e82d7a76-e5c2-4749-baff-1bb8c1dfc0d7" providerId="ADAL" clId="{FC50E581-9A3F-A24F-9546-F40EB98BED79}" dt="2022-08-23T18:00:04.100" v="250"/>
          <ac:inkMkLst>
            <pc:docMk/>
            <pc:sldMk cId="3451113877" sldId="296"/>
            <ac:inkMk id="217" creationId="{B76CF7E3-3B93-C259-6FB8-52227B90C402}"/>
          </ac:inkMkLst>
        </pc:inkChg>
        <pc:inkChg chg="add del reco">
          <ac:chgData name="Matias Vázquez Piñón" userId="e82d7a76-e5c2-4749-baff-1bb8c1dfc0d7" providerId="ADAL" clId="{FC50E581-9A3F-A24F-9546-F40EB98BED79}" dt="2022-08-23T18:00:11.001" v="258"/>
          <ac:inkMkLst>
            <pc:docMk/>
            <pc:sldMk cId="3451113877" sldId="296"/>
            <ac:inkMk id="218" creationId="{A226ACC1-3282-0BBD-862E-788DFB610140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19" creationId="{C75BAAAA-8516-C40A-FA79-7DEC081A7A77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0" creationId="{31A8E47F-A4C0-4A81-C8D1-AD7154F1D4B2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1" creationId="{7C26A6B0-B467-BB59-4871-B879614EE6DA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2" creationId="{59968EC2-3667-B4D1-C305-6EFF0D140E19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3" creationId="{6C24DE64-AB3A-ADB1-43C3-17DC5319C364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4" creationId="{D1F8F3F2-51CF-7980-0A26-23150464B1D8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5" creationId="{7D971158-0166-70BE-E494-FAF7A1C640A3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6" creationId="{89C473B0-F59F-89FB-01CD-0E31D7167877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7" creationId="{B45853CF-0773-FD9E-A0C5-3A9744AF0253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8" creationId="{AB19A613-2BAA-1DD2-657B-F1ACF8D07828}"/>
          </ac:inkMkLst>
        </pc:inkChg>
        <pc:inkChg chg="add del reco">
          <ac:chgData name="Matias Vázquez Piñón" userId="e82d7a76-e5c2-4749-baff-1bb8c1dfc0d7" providerId="ADAL" clId="{FC50E581-9A3F-A24F-9546-F40EB98BED79}" dt="2022-08-23T18:01:22.972" v="296"/>
          <ac:inkMkLst>
            <pc:docMk/>
            <pc:sldMk cId="3451113877" sldId="296"/>
            <ac:inkMk id="229" creationId="{12FE64FE-76C5-7976-6A30-C5C5078186A7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0" creationId="{AE3E8C97-81DE-FB35-F68A-B233FF9571EE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1" creationId="{1DD4FEEF-B86C-19CE-9782-AF97787F229A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2" creationId="{385847FE-A8ED-E873-2DE6-0F5C0EB49234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3" creationId="{FD5B7586-60EC-AFAC-760B-726045718D40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4" creationId="{B438B4E6-13B3-4E80-58E1-AD917B221214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5" creationId="{00C020B9-D84D-CC7E-3992-0EF0F455E44E}"/>
          </ac:inkMkLst>
        </pc:inkChg>
        <pc:inkChg chg="add del reco">
          <ac:chgData name="Matias Vázquez Piñón" userId="e82d7a76-e5c2-4749-baff-1bb8c1dfc0d7" providerId="ADAL" clId="{FC50E581-9A3F-A24F-9546-F40EB98BED79}" dt="2022-08-23T18:01:22.978" v="299"/>
          <ac:inkMkLst>
            <pc:docMk/>
            <pc:sldMk cId="3451113877" sldId="296"/>
            <ac:inkMk id="236" creationId="{A7EED802-47B5-2D87-C04A-1EF242C72086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37" creationId="{3916031E-EECA-6329-A490-72F845B3EAF1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38" creationId="{FD25C79B-01CC-404A-6C09-4F68F78AE9AA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39" creationId="{132E411C-5F63-44C8-79C6-568F6165FAF9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40" creationId="{ED29E5B5-100A-791D-E129-10FD5F2CB118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41" creationId="{C1219F29-C7F2-42CF-D477-E11000E339B0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42" creationId="{43BFFB99-D215-1DFD-B9E8-45FC2074ED79}"/>
          </ac:inkMkLst>
        </pc:inkChg>
        <pc:inkChg chg="add del reco">
          <ac:chgData name="Matias Vázquez Piñón" userId="e82d7a76-e5c2-4749-baff-1bb8c1dfc0d7" providerId="ADAL" clId="{FC50E581-9A3F-A24F-9546-F40EB98BED79}" dt="2022-08-23T18:01:22.980" v="300"/>
          <ac:inkMkLst>
            <pc:docMk/>
            <pc:sldMk cId="3451113877" sldId="296"/>
            <ac:inkMk id="243" creationId="{FF657790-A442-B12C-1171-2FA51701B469}"/>
          </ac:inkMkLst>
        </pc:inkChg>
        <pc:inkChg chg="add del reco">
          <ac:chgData name="Matias Vázquez Piñón" userId="e82d7a76-e5c2-4749-baff-1bb8c1dfc0d7" providerId="ADAL" clId="{FC50E581-9A3F-A24F-9546-F40EB98BED79}" dt="2022-08-23T18:01:22.967" v="294"/>
          <ac:inkMkLst>
            <pc:docMk/>
            <pc:sldMk cId="3451113877" sldId="296"/>
            <ac:inkMk id="244" creationId="{E6340932-C61F-B7AA-D0BD-4772977BA0BD}"/>
          </ac:inkMkLst>
        </pc:inkChg>
        <pc:inkChg chg="add del">
          <ac:chgData name="Matias Vázquez Piñón" userId="e82d7a76-e5c2-4749-baff-1bb8c1dfc0d7" providerId="ADAL" clId="{FC50E581-9A3F-A24F-9546-F40EB98BED79}" dt="2022-08-23T18:00:45.604" v="287"/>
          <ac:inkMkLst>
            <pc:docMk/>
            <pc:sldMk cId="3451113877" sldId="296"/>
            <ac:inkMk id="245" creationId="{73ACD7F2-EB55-321C-F7AA-0C4C4860D090}"/>
          </ac:inkMkLst>
        </pc:inkChg>
        <pc:inkChg chg="add del">
          <ac:chgData name="Matias Vázquez Piñón" userId="e82d7a76-e5c2-4749-baff-1bb8c1dfc0d7" providerId="ADAL" clId="{FC50E581-9A3F-A24F-9546-F40EB98BED79}" dt="2022-08-23T18:00:45.604" v="287"/>
          <ac:inkMkLst>
            <pc:docMk/>
            <pc:sldMk cId="3451113877" sldId="296"/>
            <ac:inkMk id="246" creationId="{807ADDEF-95C9-B6B5-A0C5-E90D8C97B64F}"/>
          </ac:inkMkLst>
        </pc:inkChg>
        <pc:inkChg chg="add del reco">
          <ac:chgData name="Matias Vázquez Piñón" userId="e82d7a76-e5c2-4749-baff-1bb8c1dfc0d7" providerId="ADAL" clId="{FC50E581-9A3F-A24F-9546-F40EB98BED79}" dt="2022-08-23T18:01:22.964" v="293"/>
          <ac:inkMkLst>
            <pc:docMk/>
            <pc:sldMk cId="3451113877" sldId="296"/>
            <ac:inkMk id="247" creationId="{098B024D-A276-17BF-D17A-A3B6C971B5A8}"/>
          </ac:inkMkLst>
        </pc:inkChg>
        <pc:inkChg chg="add del">
          <ac:chgData name="Matias Vázquez Piñón" userId="e82d7a76-e5c2-4749-baff-1bb8c1dfc0d7" providerId="ADAL" clId="{FC50E581-9A3F-A24F-9546-F40EB98BED79}" dt="2022-08-23T18:00:48.092" v="290"/>
          <ac:inkMkLst>
            <pc:docMk/>
            <pc:sldMk cId="3451113877" sldId="296"/>
            <ac:inkMk id="248" creationId="{99315630-EB0E-B5A1-B37B-F36CE51B4C49}"/>
          </ac:inkMkLst>
        </pc:inkChg>
        <pc:inkChg chg="add del">
          <ac:chgData name="Matias Vázquez Piñón" userId="e82d7a76-e5c2-4749-baff-1bb8c1dfc0d7" providerId="ADAL" clId="{FC50E581-9A3F-A24F-9546-F40EB98BED79}" dt="2022-08-23T18:00:48.092" v="290"/>
          <ac:inkMkLst>
            <pc:docMk/>
            <pc:sldMk cId="3451113877" sldId="296"/>
            <ac:inkMk id="249" creationId="{C49FC15E-1BFE-B962-13E7-AB1AF3920667}"/>
          </ac:inkMkLst>
        </pc:inkChg>
        <pc:inkChg chg="add del reco">
          <ac:chgData name="Matias Vázquez Piñón" userId="e82d7a76-e5c2-4749-baff-1bb8c1dfc0d7" providerId="ADAL" clId="{FC50E581-9A3F-A24F-9546-F40EB98BED79}" dt="2022-08-23T18:01:22.974" v="297"/>
          <ac:inkMkLst>
            <pc:docMk/>
            <pc:sldMk cId="3451113877" sldId="296"/>
            <ac:inkMk id="250" creationId="{60CCA525-2E77-F336-5DC4-00748DB702BD}"/>
          </ac:inkMkLst>
        </pc:inkChg>
        <pc:inkChg chg="add del">
          <ac:chgData name="Matias Vázquez Piñón" userId="e82d7a76-e5c2-4749-baff-1bb8c1dfc0d7" providerId="ADAL" clId="{FC50E581-9A3F-A24F-9546-F40EB98BED79}" dt="2022-08-23T18:01:22.976" v="298"/>
          <ac:inkMkLst>
            <pc:docMk/>
            <pc:sldMk cId="3451113877" sldId="296"/>
            <ac:inkMk id="251" creationId="{DCAE4025-857F-CA96-DCF7-2C235B3D6917}"/>
          </ac:inkMkLst>
        </pc:inkChg>
        <pc:inkChg chg="add del">
          <ac:chgData name="Matias Vázquez Piñón" userId="e82d7a76-e5c2-4749-baff-1bb8c1dfc0d7" providerId="ADAL" clId="{FC50E581-9A3F-A24F-9546-F40EB98BED79}" dt="2022-08-23T18:01:22.969" v="295"/>
          <ac:inkMkLst>
            <pc:docMk/>
            <pc:sldMk cId="3451113877" sldId="296"/>
            <ac:inkMk id="252" creationId="{6D7629AD-59E1-1B84-B88E-A21803E16DD5}"/>
          </ac:inkMkLst>
        </pc:inkChg>
      </pc:sldChg>
    </pc:docChg>
  </pc:docChgLst>
  <pc:docChgLst>
    <pc:chgData name="Matias Vázquez Piñón" userId="2f86a967-3c9c-4a39-b538-7e6c0574d83d" providerId="ADAL" clId="{214B05F5-CDC9-49A7-9890-C2F0602C8542}"/>
    <pc:docChg chg="undo custSel mod addSld delSld modSld sldOrd">
      <pc:chgData name="Matias Vázquez Piñón" userId="2f86a967-3c9c-4a39-b538-7e6c0574d83d" providerId="ADAL" clId="{214B05F5-CDC9-49A7-9890-C2F0602C8542}" dt="2022-08-23T21:43:05.709" v="5394" actId="20577"/>
      <pc:docMkLst>
        <pc:docMk/>
      </pc:docMkLst>
      <pc:sldChg chg="modSp mod">
        <pc:chgData name="Matias Vázquez Piñón" userId="2f86a967-3c9c-4a39-b538-7e6c0574d83d" providerId="ADAL" clId="{214B05F5-CDC9-49A7-9890-C2F0602C8542}" dt="2022-08-16T19:09:19.824" v="2123" actId="113"/>
        <pc:sldMkLst>
          <pc:docMk/>
          <pc:sldMk cId="1796381250" sldId="257"/>
        </pc:sldMkLst>
        <pc:spChg chg="mod">
          <ac:chgData name="Matias Vázquez Piñón" userId="2f86a967-3c9c-4a39-b538-7e6c0574d83d" providerId="ADAL" clId="{214B05F5-CDC9-49A7-9890-C2F0602C8542}" dt="2022-08-16T19:09:18.214" v="2122" actId="113"/>
          <ac:spMkLst>
            <pc:docMk/>
            <pc:sldMk cId="1796381250" sldId="257"/>
            <ac:spMk id="3" creationId="{9ABD2501-5E2C-84F8-5978-93D1F7F43359}"/>
          </ac:spMkLst>
        </pc:spChg>
        <pc:spChg chg="mod">
          <ac:chgData name="Matias Vázquez Piñón" userId="2f86a967-3c9c-4a39-b538-7e6c0574d83d" providerId="ADAL" clId="{214B05F5-CDC9-49A7-9890-C2F0602C8542}" dt="2022-08-16T19:09:19.824" v="2123" actId="113"/>
          <ac:spMkLst>
            <pc:docMk/>
            <pc:sldMk cId="1796381250" sldId="257"/>
            <ac:spMk id="7" creationId="{4B35C13A-B74F-208C-1037-FAEFA9222DBD}"/>
          </ac:spMkLst>
        </pc:spChg>
      </pc:sldChg>
      <pc:sldChg chg="del">
        <pc:chgData name="Matias Vázquez Piñón" userId="2f86a967-3c9c-4a39-b538-7e6c0574d83d" providerId="ADAL" clId="{214B05F5-CDC9-49A7-9890-C2F0602C8542}" dt="2022-08-16T15:57:48.166" v="63" actId="47"/>
        <pc:sldMkLst>
          <pc:docMk/>
          <pc:sldMk cId="1357612784" sldId="261"/>
        </pc:sldMkLst>
      </pc:sldChg>
      <pc:sldChg chg="del">
        <pc:chgData name="Matias Vázquez Piñón" userId="2f86a967-3c9c-4a39-b538-7e6c0574d83d" providerId="ADAL" clId="{214B05F5-CDC9-49A7-9890-C2F0602C8542}" dt="2022-08-16T15:57:48.166" v="63" actId="47"/>
        <pc:sldMkLst>
          <pc:docMk/>
          <pc:sldMk cId="3597724329" sldId="262"/>
        </pc:sldMkLst>
      </pc:sldChg>
      <pc:sldChg chg="addSp delSp modSp mod ord">
        <pc:chgData name="Matias Vázquez Piñón" userId="2f86a967-3c9c-4a39-b538-7e6c0574d83d" providerId="ADAL" clId="{214B05F5-CDC9-49A7-9890-C2F0602C8542}" dt="2022-08-16T21:01:20.630" v="2141" actId="478"/>
        <pc:sldMkLst>
          <pc:docMk/>
          <pc:sldMk cId="622507875" sldId="263"/>
        </pc:sldMkLst>
        <pc:spChg chg="mod">
          <ac:chgData name="Matias Vázquez Piñón" userId="2f86a967-3c9c-4a39-b538-7e6c0574d83d" providerId="ADAL" clId="{214B05F5-CDC9-49A7-9890-C2F0602C8542}" dt="2022-08-16T15:58:02.872" v="103" actId="20577"/>
          <ac:spMkLst>
            <pc:docMk/>
            <pc:sldMk cId="622507875" sldId="263"/>
            <ac:spMk id="3" creationId="{FF512E78-335F-2C1D-FB95-93A6F877663B}"/>
          </ac:spMkLst>
        </pc:spChg>
        <pc:picChg chg="mod">
          <ac:chgData name="Matias Vázquez Piñón" userId="2f86a967-3c9c-4a39-b538-7e6c0574d83d" providerId="ADAL" clId="{214B05F5-CDC9-49A7-9890-C2F0602C8542}" dt="2022-08-16T19:09:09.348" v="2121" actId="1076"/>
          <ac:picMkLst>
            <pc:docMk/>
            <pc:sldMk cId="622507875" sldId="263"/>
            <ac:picMk id="8" creationId="{E0066F59-EF26-71E5-9F11-EB9930E954CA}"/>
          </ac:picMkLst>
        </pc:picChg>
        <pc:inkChg chg="add del">
          <ac:chgData name="Matias Vázquez Piñón" userId="2f86a967-3c9c-4a39-b538-7e6c0574d83d" providerId="ADAL" clId="{214B05F5-CDC9-49A7-9890-C2F0602C8542}" dt="2022-08-16T21:01:20.630" v="2141" actId="478"/>
          <ac:inkMkLst>
            <pc:docMk/>
            <pc:sldMk cId="622507875" sldId="263"/>
            <ac:inkMk id="2" creationId="{230BF671-6799-DAE5-CFE1-6807DB130504}"/>
          </ac:inkMkLst>
        </pc:inkChg>
      </pc:sldChg>
      <pc:sldChg chg="del">
        <pc:chgData name="Matias Vázquez Piñón" userId="2f86a967-3c9c-4a39-b538-7e6c0574d83d" providerId="ADAL" clId="{214B05F5-CDC9-49A7-9890-C2F0602C8542}" dt="2022-08-16T19:11:02.131" v="2124" actId="47"/>
        <pc:sldMkLst>
          <pc:docMk/>
          <pc:sldMk cId="677354137" sldId="264"/>
        </pc:sldMkLst>
      </pc:sldChg>
      <pc:sldChg chg="modSp del mod">
        <pc:chgData name="Matias Vázquez Piñón" userId="2f86a967-3c9c-4a39-b538-7e6c0574d83d" providerId="ADAL" clId="{214B05F5-CDC9-49A7-9890-C2F0602C8542}" dt="2022-08-19T17:51:46.156" v="4675" actId="47"/>
        <pc:sldMkLst>
          <pc:docMk/>
          <pc:sldMk cId="756237579" sldId="265"/>
        </pc:sldMkLst>
        <pc:spChg chg="mod">
          <ac:chgData name="Matias Vázquez Piñón" userId="2f86a967-3c9c-4a39-b538-7e6c0574d83d" providerId="ADAL" clId="{214B05F5-CDC9-49A7-9890-C2F0602C8542}" dt="2022-08-17T18:45:58.567" v="2171" actId="20577"/>
          <ac:spMkLst>
            <pc:docMk/>
            <pc:sldMk cId="756237579" sldId="265"/>
            <ac:spMk id="2" creationId="{D4420480-7B33-E8EA-527C-5581C77C9ADB}"/>
          </ac:spMkLst>
        </pc:spChg>
      </pc:sldChg>
      <pc:sldChg chg="addSp delSp modSp mod ord">
        <pc:chgData name="Matias Vázquez Piñón" userId="2f86a967-3c9c-4a39-b538-7e6c0574d83d" providerId="ADAL" clId="{214B05F5-CDC9-49A7-9890-C2F0602C8542}" dt="2022-08-17T20:25:24.627" v="4673"/>
        <pc:sldMkLst>
          <pc:docMk/>
          <pc:sldMk cId="1944785628" sldId="266"/>
        </pc:sldMkLst>
        <pc:spChg chg="add mod">
          <ac:chgData name="Matias Vázquez Piñón" userId="2f86a967-3c9c-4a39-b538-7e6c0574d83d" providerId="ADAL" clId="{214B05F5-CDC9-49A7-9890-C2F0602C8542}" dt="2022-08-17T20:25:24.627" v="4673"/>
          <ac:spMkLst>
            <pc:docMk/>
            <pc:sldMk cId="1944785628" sldId="266"/>
            <ac:spMk id="3" creationId="{C02B4C89-50B7-C0FB-03E4-615B57911CD3}"/>
          </ac:spMkLst>
        </pc:spChg>
        <pc:spChg chg="del">
          <ac:chgData name="Matias Vázquez Piñón" userId="2f86a967-3c9c-4a39-b538-7e6c0574d83d" providerId="ADAL" clId="{214B05F5-CDC9-49A7-9890-C2F0602C8542}" dt="2022-08-17T20:25:14.531" v="4671" actId="478"/>
          <ac:spMkLst>
            <pc:docMk/>
            <pc:sldMk cId="1944785628" sldId="266"/>
            <ac:spMk id="5" creationId="{8ED65948-3C46-409B-BE4C-603156495089}"/>
          </ac:spMkLst>
        </pc:spChg>
      </pc:sldChg>
      <pc:sldChg chg="addSp delSp modSp mod ord">
        <pc:chgData name="Matias Vázquez Piñón" userId="2f86a967-3c9c-4a39-b538-7e6c0574d83d" providerId="ADAL" clId="{214B05F5-CDC9-49A7-9890-C2F0602C8542}" dt="2022-08-17T20:25:26.089" v="4674"/>
        <pc:sldMkLst>
          <pc:docMk/>
          <pc:sldMk cId="3675564955" sldId="267"/>
        </pc:sldMkLst>
        <pc:spChg chg="add mod">
          <ac:chgData name="Matias Vázquez Piñón" userId="2f86a967-3c9c-4a39-b538-7e6c0574d83d" providerId="ADAL" clId="{214B05F5-CDC9-49A7-9890-C2F0602C8542}" dt="2022-08-17T20:25:26.089" v="4674"/>
          <ac:spMkLst>
            <pc:docMk/>
            <pc:sldMk cId="3675564955" sldId="267"/>
            <ac:spMk id="3" creationId="{AABEEDF2-3645-C5F3-5BD8-BF18B54D8105}"/>
          </ac:spMkLst>
        </pc:spChg>
        <pc:spChg chg="del">
          <ac:chgData name="Matias Vázquez Piñón" userId="2f86a967-3c9c-4a39-b538-7e6c0574d83d" providerId="ADAL" clId="{214B05F5-CDC9-49A7-9890-C2F0602C8542}" dt="2022-08-17T20:25:16.716" v="4672" actId="478"/>
          <ac:spMkLst>
            <pc:docMk/>
            <pc:sldMk cId="3675564955" sldId="267"/>
            <ac:spMk id="5" creationId="{8ED65948-3C46-409B-BE4C-603156495089}"/>
          </ac:spMkLst>
        </pc:spChg>
      </pc:sldChg>
      <pc:sldChg chg="ord">
        <pc:chgData name="Matias Vázquez Piñón" userId="2f86a967-3c9c-4a39-b538-7e6c0574d83d" providerId="ADAL" clId="{214B05F5-CDC9-49A7-9890-C2F0602C8542}" dt="2022-08-19T17:54:58.603" v="4682"/>
        <pc:sldMkLst>
          <pc:docMk/>
          <pc:sldMk cId="602807936" sldId="268"/>
        </pc:sldMkLst>
      </pc:sldChg>
      <pc:sldChg chg="ord">
        <pc:chgData name="Matias Vázquez Piñón" userId="2f86a967-3c9c-4a39-b538-7e6c0574d83d" providerId="ADAL" clId="{214B05F5-CDC9-49A7-9890-C2F0602C8542}" dt="2022-08-19T17:54:08.915" v="4677"/>
        <pc:sldMkLst>
          <pc:docMk/>
          <pc:sldMk cId="3286921969" sldId="278"/>
        </pc:sldMkLst>
      </pc:sldChg>
      <pc:sldChg chg="del">
        <pc:chgData name="Matias Vázquez Piñón" userId="2f86a967-3c9c-4a39-b538-7e6c0574d83d" providerId="ADAL" clId="{214B05F5-CDC9-49A7-9890-C2F0602C8542}" dt="2022-08-19T17:54:49.010" v="4680" actId="47"/>
        <pc:sldMkLst>
          <pc:docMk/>
          <pc:sldMk cId="262411750" sldId="279"/>
        </pc:sldMkLst>
      </pc:sldChg>
      <pc:sldChg chg="addSp delSp mod">
        <pc:chgData name="Matias Vázquez Piñón" userId="2f86a967-3c9c-4a39-b538-7e6c0574d83d" providerId="ADAL" clId="{214B05F5-CDC9-49A7-9890-C2F0602C8542}" dt="2022-08-16T21:01:13.001" v="2139" actId="478"/>
        <pc:sldMkLst>
          <pc:docMk/>
          <pc:sldMk cId="2866640030" sldId="280"/>
        </pc:sldMkLst>
        <pc:inkChg chg="add del">
          <ac:chgData name="Matias Vázquez Piñón" userId="2f86a967-3c9c-4a39-b538-7e6c0574d83d" providerId="ADAL" clId="{214B05F5-CDC9-49A7-9890-C2F0602C8542}" dt="2022-08-16T21:01:13.001" v="2139" actId="478"/>
          <ac:inkMkLst>
            <pc:docMk/>
            <pc:sldMk cId="2866640030" sldId="280"/>
            <ac:inkMk id="4" creationId="{E478204C-0E5B-8A9B-1DC8-12E6BF0D27D6}"/>
          </ac:inkMkLst>
        </pc:inkChg>
      </pc:sldChg>
      <pc:sldChg chg="addSp delSp modSp mod">
        <pc:chgData name="Matias Vázquez Piñón" userId="2f86a967-3c9c-4a39-b538-7e6c0574d83d" providerId="ADAL" clId="{214B05F5-CDC9-49A7-9890-C2F0602C8542}" dt="2022-08-16T21:01:15.815" v="2140" actId="478"/>
        <pc:sldMkLst>
          <pc:docMk/>
          <pc:sldMk cId="2657048017" sldId="281"/>
        </pc:sldMkLst>
        <pc:spChg chg="mod">
          <ac:chgData name="Matias Vázquez Piñón" userId="2f86a967-3c9c-4a39-b538-7e6c0574d83d" providerId="ADAL" clId="{214B05F5-CDC9-49A7-9890-C2F0602C8542}" dt="2022-08-16T16:27:47.930" v="1559" actId="20577"/>
          <ac:spMkLst>
            <pc:docMk/>
            <pc:sldMk cId="2657048017" sldId="281"/>
            <ac:spMk id="3" creationId="{5AC65F18-17AC-A7DC-7F31-C4210AEE0E52}"/>
          </ac:spMkLst>
        </pc:spChg>
        <pc:inkChg chg="add del">
          <ac:chgData name="Matias Vázquez Piñón" userId="2f86a967-3c9c-4a39-b538-7e6c0574d83d" providerId="ADAL" clId="{214B05F5-CDC9-49A7-9890-C2F0602C8542}" dt="2022-08-16T21:01:15.815" v="2140" actId="478"/>
          <ac:inkMkLst>
            <pc:docMk/>
            <pc:sldMk cId="2657048017" sldId="281"/>
            <ac:inkMk id="4" creationId="{1F8D6F3B-EA08-733D-7F18-0361C36C281F}"/>
          </ac:inkMkLst>
        </pc:inkChg>
      </pc:sldChg>
      <pc:sldChg chg="new del">
        <pc:chgData name="Matias Vázquez Piñón" userId="2f86a967-3c9c-4a39-b538-7e6c0574d83d" providerId="ADAL" clId="{214B05F5-CDC9-49A7-9890-C2F0602C8542}" dt="2022-08-16T16:01:16.544" v="106" actId="47"/>
        <pc:sldMkLst>
          <pc:docMk/>
          <pc:sldMk cId="2605241787" sldId="282"/>
        </pc:sldMkLst>
      </pc:sldChg>
      <pc:sldChg chg="addSp delSp modSp new mod modClrScheme chgLayout">
        <pc:chgData name="Matias Vázquez Piñón" userId="2f86a967-3c9c-4a39-b538-7e6c0574d83d" providerId="ADAL" clId="{214B05F5-CDC9-49A7-9890-C2F0602C8542}" dt="2022-08-16T21:01:09.429" v="2138" actId="478"/>
        <pc:sldMkLst>
          <pc:docMk/>
          <pc:sldMk cId="2620245939" sldId="283"/>
        </pc:sldMkLst>
        <pc:spChg chg="mod ord">
          <ac:chgData name="Matias Vázquez Piñón" userId="2f86a967-3c9c-4a39-b538-7e6c0574d83d" providerId="ADAL" clId="{214B05F5-CDC9-49A7-9890-C2F0602C8542}" dt="2022-08-16T16:09:18.902" v="581" actId="700"/>
          <ac:spMkLst>
            <pc:docMk/>
            <pc:sldMk cId="2620245939" sldId="283"/>
            <ac:spMk id="2" creationId="{E670DB08-38CD-0262-E1BA-CBF3F5F8A567}"/>
          </ac:spMkLst>
        </pc:spChg>
        <pc:spChg chg="mod ord">
          <ac:chgData name="Matias Vázquez Piñón" userId="2f86a967-3c9c-4a39-b538-7e6c0574d83d" providerId="ADAL" clId="{214B05F5-CDC9-49A7-9890-C2F0602C8542}" dt="2022-08-16T18:46:58.545" v="1958" actId="27636"/>
          <ac:spMkLst>
            <pc:docMk/>
            <pc:sldMk cId="2620245939" sldId="283"/>
            <ac:spMk id="3" creationId="{C9E7587C-4AC0-2564-D612-E5143375687A}"/>
          </ac:spMkLst>
        </pc:spChg>
        <pc:spChg chg="mod ord">
          <ac:chgData name="Matias Vázquez Piñón" userId="2f86a967-3c9c-4a39-b538-7e6c0574d83d" providerId="ADAL" clId="{214B05F5-CDC9-49A7-9890-C2F0602C8542}" dt="2022-08-16T16:09:18.902" v="581" actId="700"/>
          <ac:spMkLst>
            <pc:docMk/>
            <pc:sldMk cId="2620245939" sldId="283"/>
            <ac:spMk id="4" creationId="{B462C845-A35D-C350-D210-EAFD99C109C0}"/>
          </ac:spMkLst>
        </pc:spChg>
        <pc:spChg chg="add del mod ord">
          <ac:chgData name="Matias Vázquez Piñón" userId="2f86a967-3c9c-4a39-b538-7e6c0574d83d" providerId="ADAL" clId="{214B05F5-CDC9-49A7-9890-C2F0602C8542}" dt="2022-08-16T16:09:31.565" v="582" actId="22"/>
          <ac:spMkLst>
            <pc:docMk/>
            <pc:sldMk cId="2620245939" sldId="283"/>
            <ac:spMk id="5" creationId="{6654EE5D-D0FD-1855-B139-8E421F6213D8}"/>
          </ac:spMkLst>
        </pc:spChg>
        <pc:spChg chg="add mod">
          <ac:chgData name="Matias Vázquez Piñón" userId="2f86a967-3c9c-4a39-b538-7e6c0574d83d" providerId="ADAL" clId="{214B05F5-CDC9-49A7-9890-C2F0602C8542}" dt="2022-08-16T16:34:14.610" v="1693" actId="14100"/>
          <ac:spMkLst>
            <pc:docMk/>
            <pc:sldMk cId="2620245939" sldId="283"/>
            <ac:spMk id="8" creationId="{3F4F906E-C0A2-64B0-A864-79C585107867}"/>
          </ac:spMkLst>
        </pc:spChg>
        <pc:picChg chg="add mod ord">
          <ac:chgData name="Matias Vázquez Piñón" userId="2f86a967-3c9c-4a39-b538-7e6c0574d83d" providerId="ADAL" clId="{214B05F5-CDC9-49A7-9890-C2F0602C8542}" dt="2022-08-16T16:09:31.565" v="582" actId="22"/>
          <ac:picMkLst>
            <pc:docMk/>
            <pc:sldMk cId="2620245939" sldId="283"/>
            <ac:picMk id="7" creationId="{3310BB75-9EB6-5908-B86D-22DE041A1A32}"/>
          </ac:picMkLst>
        </pc:picChg>
        <pc:picChg chg="add mod">
          <ac:chgData name="Matias Vázquez Piñón" userId="2f86a967-3c9c-4a39-b538-7e6c0574d83d" providerId="ADAL" clId="{214B05F5-CDC9-49A7-9890-C2F0602C8542}" dt="2022-08-16T18:47:05.035" v="1959" actId="1076"/>
          <ac:picMkLst>
            <pc:docMk/>
            <pc:sldMk cId="2620245939" sldId="283"/>
            <ac:picMk id="10" creationId="{917B529B-4060-C68C-0BCA-F78B9B73B1DC}"/>
          </ac:picMkLst>
        </pc:picChg>
        <pc:inkChg chg="add del">
          <ac:chgData name="Matias Vázquez Piñón" userId="2f86a967-3c9c-4a39-b538-7e6c0574d83d" providerId="ADAL" clId="{214B05F5-CDC9-49A7-9890-C2F0602C8542}" dt="2022-08-16T21:01:09.429" v="2138" actId="478"/>
          <ac:inkMkLst>
            <pc:docMk/>
            <pc:sldMk cId="2620245939" sldId="283"/>
            <ac:inkMk id="11" creationId="{05277578-B215-F973-DD09-7CCB6B2976EB}"/>
          </ac:inkMkLst>
        </pc:inkChg>
      </pc:sldChg>
      <pc:sldChg chg="addSp delSp modSp new mod">
        <pc:chgData name="Matias Vázquez Piñón" userId="2f86a967-3c9c-4a39-b538-7e6c0574d83d" providerId="ADAL" clId="{214B05F5-CDC9-49A7-9890-C2F0602C8542}" dt="2022-08-16T21:01:06.380" v="2137" actId="478"/>
        <pc:sldMkLst>
          <pc:docMk/>
          <pc:sldMk cId="2307097429" sldId="284"/>
        </pc:sldMkLst>
        <pc:spChg chg="mod">
          <ac:chgData name="Matias Vázquez Piñón" userId="2f86a967-3c9c-4a39-b538-7e6c0574d83d" providerId="ADAL" clId="{214B05F5-CDC9-49A7-9890-C2F0602C8542}" dt="2022-08-16T16:10:28.211" v="593" actId="20577"/>
          <ac:spMkLst>
            <pc:docMk/>
            <pc:sldMk cId="2307097429" sldId="284"/>
            <ac:spMk id="2" creationId="{9686D3FA-FDB1-9C17-714A-4DB91D8E1C59}"/>
          </ac:spMkLst>
        </pc:spChg>
        <pc:spChg chg="mod">
          <ac:chgData name="Matias Vázquez Piñón" userId="2f86a967-3c9c-4a39-b538-7e6c0574d83d" providerId="ADAL" clId="{214B05F5-CDC9-49A7-9890-C2F0602C8542}" dt="2022-08-16T16:39:26.265" v="1911" actId="20577"/>
          <ac:spMkLst>
            <pc:docMk/>
            <pc:sldMk cId="2307097429" sldId="284"/>
            <ac:spMk id="3" creationId="{30CD4012-EF0C-B74B-B098-3DAAF39C292A}"/>
          </ac:spMkLst>
        </pc:spChg>
        <pc:spChg chg="add mod">
          <ac:chgData name="Matias Vázquez Piñón" userId="2f86a967-3c9c-4a39-b538-7e6c0574d83d" providerId="ADAL" clId="{214B05F5-CDC9-49A7-9890-C2F0602C8542}" dt="2022-08-16T16:16:57.049" v="822" actId="14100"/>
          <ac:spMkLst>
            <pc:docMk/>
            <pc:sldMk cId="2307097429" sldId="284"/>
            <ac:spMk id="11" creationId="{42B233AF-83C7-39D1-575A-0484D2E9BB5C}"/>
          </ac:spMkLst>
        </pc:spChg>
        <pc:picChg chg="add mod ord">
          <ac:chgData name="Matias Vázquez Piñón" userId="2f86a967-3c9c-4a39-b538-7e6c0574d83d" providerId="ADAL" clId="{214B05F5-CDC9-49A7-9890-C2F0602C8542}" dt="2022-08-16T18:31:01.087" v="1913" actId="1076"/>
          <ac:picMkLst>
            <pc:docMk/>
            <pc:sldMk cId="2307097429" sldId="284"/>
            <ac:picMk id="6" creationId="{EDA2381D-02B4-294B-467C-E7AC8228860F}"/>
          </ac:picMkLst>
        </pc:picChg>
        <pc:picChg chg="add mod">
          <ac:chgData name="Matias Vázquez Piñón" userId="2f86a967-3c9c-4a39-b538-7e6c0574d83d" providerId="ADAL" clId="{214B05F5-CDC9-49A7-9890-C2F0602C8542}" dt="2022-08-16T16:17:16.302" v="826" actId="1076"/>
          <ac:picMkLst>
            <pc:docMk/>
            <pc:sldMk cId="2307097429" sldId="284"/>
            <ac:picMk id="8" creationId="{4E605A8E-539D-1074-0F7F-A534E17DF069}"/>
          </ac:picMkLst>
        </pc:picChg>
        <pc:picChg chg="add mod">
          <ac:chgData name="Matias Vázquez Piñón" userId="2f86a967-3c9c-4a39-b538-7e6c0574d83d" providerId="ADAL" clId="{214B05F5-CDC9-49A7-9890-C2F0602C8542}" dt="2022-08-16T16:17:11.966" v="825" actId="1076"/>
          <ac:picMkLst>
            <pc:docMk/>
            <pc:sldMk cId="2307097429" sldId="284"/>
            <ac:picMk id="10" creationId="{592ACDCF-701B-FD83-FEBD-56975F5DAEFA}"/>
          </ac:picMkLst>
        </pc:picChg>
        <pc:inkChg chg="add del">
          <ac:chgData name="Matias Vázquez Piñón" userId="2f86a967-3c9c-4a39-b538-7e6c0574d83d" providerId="ADAL" clId="{214B05F5-CDC9-49A7-9890-C2F0602C8542}" dt="2022-08-16T21:01:06.380" v="2137" actId="478"/>
          <ac:inkMkLst>
            <pc:docMk/>
            <pc:sldMk cId="2307097429" sldId="284"/>
            <ac:inkMk id="12" creationId="{E4A6CEF8-BB38-387C-532E-9EB91F3450D7}"/>
          </ac:inkMkLst>
        </pc:inkChg>
      </pc:sldChg>
      <pc:sldChg chg="new del">
        <pc:chgData name="Matias Vázquez Piñón" userId="2f86a967-3c9c-4a39-b538-7e6c0574d83d" providerId="ADAL" clId="{214B05F5-CDC9-49A7-9890-C2F0602C8542}" dt="2022-08-16T16:22:15.101" v="1057" actId="47"/>
        <pc:sldMkLst>
          <pc:docMk/>
          <pc:sldMk cId="4132329750" sldId="285"/>
        </pc:sldMkLst>
      </pc:sldChg>
      <pc:sldChg chg="addSp delSp modSp new mod modClrScheme chgLayout">
        <pc:chgData name="Matias Vázquez Piñón" userId="2f86a967-3c9c-4a39-b538-7e6c0574d83d" providerId="ADAL" clId="{214B05F5-CDC9-49A7-9890-C2F0602C8542}" dt="2022-08-16T21:01:03.011" v="2136" actId="478"/>
        <pc:sldMkLst>
          <pc:docMk/>
          <pc:sldMk cId="3102174217" sldId="286"/>
        </pc:sldMkLst>
        <pc:spChg chg="mod ord">
          <ac:chgData name="Matias Vázquez Piñón" userId="2f86a967-3c9c-4a39-b538-7e6c0574d83d" providerId="ADAL" clId="{214B05F5-CDC9-49A7-9890-C2F0602C8542}" dt="2022-08-16T16:29:00.645" v="1563" actId="700"/>
          <ac:spMkLst>
            <pc:docMk/>
            <pc:sldMk cId="3102174217" sldId="286"/>
            <ac:spMk id="2" creationId="{6680EA11-3CE4-CD72-FF8D-3A9BA76FE00E}"/>
          </ac:spMkLst>
        </pc:spChg>
        <pc:spChg chg="mod ord">
          <ac:chgData name="Matias Vázquez Piñón" userId="2f86a967-3c9c-4a39-b538-7e6c0574d83d" providerId="ADAL" clId="{214B05F5-CDC9-49A7-9890-C2F0602C8542}" dt="2022-08-16T18:31:24.136" v="1943" actId="20577"/>
          <ac:spMkLst>
            <pc:docMk/>
            <pc:sldMk cId="3102174217" sldId="286"/>
            <ac:spMk id="3" creationId="{6B6C1063-562E-3BE1-3354-BF3544A183CE}"/>
          </ac:spMkLst>
        </pc:spChg>
        <pc:spChg chg="del">
          <ac:chgData name="Matias Vázquez Piñón" userId="2f86a967-3c9c-4a39-b538-7e6c0574d83d" providerId="ADAL" clId="{214B05F5-CDC9-49A7-9890-C2F0602C8542}" dt="2022-08-16T16:18:09.696" v="829" actId="22"/>
          <ac:spMkLst>
            <pc:docMk/>
            <pc:sldMk cId="3102174217" sldId="286"/>
            <ac:spMk id="4" creationId="{E8E9F051-669B-5B4E-387D-A88C59A252A8}"/>
          </ac:spMkLst>
        </pc:spChg>
        <pc:spChg chg="mod ord">
          <ac:chgData name="Matias Vázquez Piñón" userId="2f86a967-3c9c-4a39-b538-7e6c0574d83d" providerId="ADAL" clId="{214B05F5-CDC9-49A7-9890-C2F0602C8542}" dt="2022-08-16T16:29:00.645" v="1563" actId="700"/>
          <ac:spMkLst>
            <pc:docMk/>
            <pc:sldMk cId="3102174217" sldId="286"/>
            <ac:spMk id="5" creationId="{549F6F39-E795-D9A4-CFC5-888D3A414B91}"/>
          </ac:spMkLst>
        </pc:spChg>
        <pc:spChg chg="add del mod">
          <ac:chgData name="Matias Vázquez Piñón" userId="2f86a967-3c9c-4a39-b538-7e6c0574d83d" providerId="ADAL" clId="{214B05F5-CDC9-49A7-9890-C2F0602C8542}" dt="2022-08-16T16:28:27.043" v="1561" actId="22"/>
          <ac:spMkLst>
            <pc:docMk/>
            <pc:sldMk cId="3102174217" sldId="286"/>
            <ac:spMk id="8" creationId="{B3CD5D69-C63E-9342-68BE-8F8DA9BDDCC3}"/>
          </ac:spMkLst>
        </pc:spChg>
        <pc:spChg chg="add del mod ord">
          <ac:chgData name="Matias Vázquez Piñón" userId="2f86a967-3c9c-4a39-b538-7e6c0574d83d" providerId="ADAL" clId="{214B05F5-CDC9-49A7-9890-C2F0602C8542}" dt="2022-08-16T16:29:00.645" v="1563" actId="700"/>
          <ac:spMkLst>
            <pc:docMk/>
            <pc:sldMk cId="3102174217" sldId="286"/>
            <ac:spMk id="11" creationId="{7D2EB6D5-3613-AD15-2068-EC413C2F8CCA}"/>
          </ac:spMkLst>
        </pc:spChg>
        <pc:spChg chg="add del mod ord">
          <ac:chgData name="Matias Vázquez Piñón" userId="2f86a967-3c9c-4a39-b538-7e6c0574d83d" providerId="ADAL" clId="{214B05F5-CDC9-49A7-9890-C2F0602C8542}" dt="2022-08-16T16:29:02.637" v="1564"/>
          <ac:spMkLst>
            <pc:docMk/>
            <pc:sldMk cId="3102174217" sldId="286"/>
            <ac:spMk id="12" creationId="{295FE5E2-22D1-283D-ED26-F0C24759E8EF}"/>
          </ac:spMkLst>
        </pc:spChg>
        <pc:spChg chg="add del mod ord">
          <ac:chgData name="Matias Vázquez Piñón" userId="2f86a967-3c9c-4a39-b538-7e6c0574d83d" providerId="ADAL" clId="{214B05F5-CDC9-49A7-9890-C2F0602C8542}" dt="2022-08-16T16:29:39.414" v="1566" actId="22"/>
          <ac:spMkLst>
            <pc:docMk/>
            <pc:sldMk cId="3102174217" sldId="286"/>
            <ac:spMk id="13" creationId="{DD136BA7-8C6D-6304-6219-F78E6746BB65}"/>
          </ac:spMkLst>
        </pc:spChg>
        <pc:picChg chg="add del mod ord">
          <ac:chgData name="Matias Vázquez Piñón" userId="2f86a967-3c9c-4a39-b538-7e6c0574d83d" providerId="ADAL" clId="{214B05F5-CDC9-49A7-9890-C2F0602C8542}" dt="2022-08-16T16:28:15.996" v="1560" actId="478"/>
          <ac:picMkLst>
            <pc:docMk/>
            <pc:sldMk cId="3102174217" sldId="286"/>
            <ac:picMk id="7" creationId="{EEA94401-D72C-BF94-9D69-4191387CADB7}"/>
          </ac:picMkLst>
        </pc:picChg>
        <pc:picChg chg="add del mod ord">
          <ac:chgData name="Matias Vázquez Piñón" userId="2f86a967-3c9c-4a39-b538-7e6c0574d83d" providerId="ADAL" clId="{214B05F5-CDC9-49A7-9890-C2F0602C8542}" dt="2022-08-16T16:28:57.694" v="1562" actId="21"/>
          <ac:picMkLst>
            <pc:docMk/>
            <pc:sldMk cId="3102174217" sldId="286"/>
            <ac:picMk id="10" creationId="{36B0DCC4-0C89-F7E3-7062-3E77664A815A}"/>
          </ac:picMkLst>
        </pc:picChg>
        <pc:picChg chg="add mod">
          <ac:chgData name="Matias Vázquez Piñón" userId="2f86a967-3c9c-4a39-b538-7e6c0574d83d" providerId="ADAL" clId="{214B05F5-CDC9-49A7-9890-C2F0602C8542}" dt="2022-08-16T16:29:10.745" v="1565" actId="18653"/>
          <ac:picMkLst>
            <pc:docMk/>
            <pc:sldMk cId="3102174217" sldId="286"/>
            <ac:picMk id="14" creationId="{5D5C932B-91C9-1E49-89A0-E96E20BE2E42}"/>
          </ac:picMkLst>
        </pc:picChg>
        <pc:picChg chg="add mod ord modCrop">
          <ac:chgData name="Matias Vázquez Piñón" userId="2f86a967-3c9c-4a39-b538-7e6c0574d83d" providerId="ADAL" clId="{214B05F5-CDC9-49A7-9890-C2F0602C8542}" dt="2022-08-16T16:29:42.272" v="1567" actId="18653"/>
          <ac:picMkLst>
            <pc:docMk/>
            <pc:sldMk cId="3102174217" sldId="286"/>
            <ac:picMk id="16" creationId="{60CD152C-CF0D-A76B-EB8C-DB9CB3E18B0F}"/>
          </ac:picMkLst>
        </pc:picChg>
        <pc:picChg chg="add mod">
          <ac:chgData name="Matias Vázquez Piñón" userId="2f86a967-3c9c-4a39-b538-7e6c0574d83d" providerId="ADAL" clId="{214B05F5-CDC9-49A7-9890-C2F0602C8542}" dt="2022-08-16T18:39:59.248" v="1947" actId="1076"/>
          <ac:picMkLst>
            <pc:docMk/>
            <pc:sldMk cId="3102174217" sldId="286"/>
            <ac:picMk id="18" creationId="{D9696D93-6485-0883-48B8-B679935C0D82}"/>
          </ac:picMkLst>
        </pc:picChg>
        <pc:inkChg chg="add del">
          <ac:chgData name="Matias Vázquez Piñón" userId="2f86a967-3c9c-4a39-b538-7e6c0574d83d" providerId="ADAL" clId="{214B05F5-CDC9-49A7-9890-C2F0602C8542}" dt="2022-08-16T21:01:03.011" v="2136" actId="478"/>
          <ac:inkMkLst>
            <pc:docMk/>
            <pc:sldMk cId="3102174217" sldId="286"/>
            <ac:inkMk id="19" creationId="{DF006063-3862-D071-18B3-E0585EC82817}"/>
          </ac:inkMkLst>
        </pc:inkChg>
      </pc:sldChg>
      <pc:sldChg chg="addSp delSp modSp new mod">
        <pc:chgData name="Matias Vázquez Piñón" userId="2f86a967-3c9c-4a39-b538-7e6c0574d83d" providerId="ADAL" clId="{214B05F5-CDC9-49A7-9890-C2F0602C8542}" dt="2022-08-17T19:08:06.035" v="2991" actId="478"/>
        <pc:sldMkLst>
          <pc:docMk/>
          <pc:sldMk cId="2113485509" sldId="287"/>
        </pc:sldMkLst>
        <pc:spChg chg="del">
          <ac:chgData name="Matias Vázquez Piñón" userId="2f86a967-3c9c-4a39-b538-7e6c0574d83d" providerId="ADAL" clId="{214B05F5-CDC9-49A7-9890-C2F0602C8542}" dt="2022-08-16T19:11:15.025" v="2125" actId="478"/>
          <ac:spMkLst>
            <pc:docMk/>
            <pc:sldMk cId="2113485509" sldId="287"/>
            <ac:spMk id="3" creationId="{A61382C9-39EA-CBD4-61B4-DA364E274317}"/>
          </ac:spMkLst>
        </pc:spChg>
        <pc:spChg chg="del">
          <ac:chgData name="Matias Vázquez Piñón" userId="2f86a967-3c9c-4a39-b538-7e6c0574d83d" providerId="ADAL" clId="{214B05F5-CDC9-49A7-9890-C2F0602C8542}" dt="2022-08-16T19:11:16.594" v="2126" actId="478"/>
          <ac:spMkLst>
            <pc:docMk/>
            <pc:sldMk cId="2113485509" sldId="287"/>
            <ac:spMk id="5" creationId="{454DC691-6884-11B5-2335-A477FA1DE2F6}"/>
          </ac:spMkLst>
        </pc:spChg>
        <pc:spChg chg="del">
          <ac:chgData name="Matias Vázquez Piñón" userId="2f86a967-3c9c-4a39-b538-7e6c0574d83d" providerId="ADAL" clId="{214B05F5-CDC9-49A7-9890-C2F0602C8542}" dt="2022-08-16T19:11:20.591" v="2127" actId="478"/>
          <ac:spMkLst>
            <pc:docMk/>
            <pc:sldMk cId="2113485509" sldId="287"/>
            <ac:spMk id="7" creationId="{24F3A652-A70B-1787-8761-F471B27FEC10}"/>
          </ac:spMkLst>
        </pc:spChg>
        <pc:spChg chg="del">
          <ac:chgData name="Matias Vázquez Piñón" userId="2f86a967-3c9c-4a39-b538-7e6c0574d83d" providerId="ADAL" clId="{214B05F5-CDC9-49A7-9890-C2F0602C8542}" dt="2022-08-16T18:41:55.319" v="1949" actId="22"/>
          <ac:spMkLst>
            <pc:docMk/>
            <pc:sldMk cId="2113485509" sldId="287"/>
            <ac:spMk id="8" creationId="{050CE185-B949-A31C-6AB6-E92EA368635C}"/>
          </ac:spMkLst>
        </pc:spChg>
        <pc:spChg chg="del">
          <ac:chgData name="Matias Vázquez Piñón" userId="2f86a967-3c9c-4a39-b538-7e6c0574d83d" providerId="ADAL" clId="{214B05F5-CDC9-49A7-9890-C2F0602C8542}" dt="2022-08-16T18:42:13.057" v="1950" actId="22"/>
          <ac:spMkLst>
            <pc:docMk/>
            <pc:sldMk cId="2113485509" sldId="287"/>
            <ac:spMk id="9" creationId="{480DC116-E4A0-451E-F948-F2A99A0C1757}"/>
          </ac:spMkLst>
        </pc:spChg>
        <pc:spChg chg="del">
          <ac:chgData name="Matias Vázquez Piñón" userId="2f86a967-3c9c-4a39-b538-7e6c0574d83d" providerId="ADAL" clId="{214B05F5-CDC9-49A7-9890-C2F0602C8542}" dt="2022-08-16T18:42:36.339" v="1951" actId="22"/>
          <ac:spMkLst>
            <pc:docMk/>
            <pc:sldMk cId="2113485509" sldId="287"/>
            <ac:spMk id="10" creationId="{F6CBC778-9E20-B4F2-D086-FDF234D098B9}"/>
          </ac:spMkLst>
        </pc:spChg>
        <pc:picChg chg="add mod ord modCrop">
          <ac:chgData name="Matias Vázquez Piñón" userId="2f86a967-3c9c-4a39-b538-7e6c0574d83d" providerId="ADAL" clId="{214B05F5-CDC9-49A7-9890-C2F0602C8542}" dt="2022-08-16T19:11:27.339" v="2128" actId="1076"/>
          <ac:picMkLst>
            <pc:docMk/>
            <pc:sldMk cId="2113485509" sldId="287"/>
            <ac:picMk id="13" creationId="{C52FB02C-E055-5C64-2C6D-B6AE6F761A44}"/>
          </ac:picMkLst>
        </pc:picChg>
        <pc:picChg chg="add mod ord modCrop">
          <ac:chgData name="Matias Vázquez Piñón" userId="2f86a967-3c9c-4a39-b538-7e6c0574d83d" providerId="ADAL" clId="{214B05F5-CDC9-49A7-9890-C2F0602C8542}" dt="2022-08-16T19:11:27.339" v="2128" actId="1076"/>
          <ac:picMkLst>
            <pc:docMk/>
            <pc:sldMk cId="2113485509" sldId="287"/>
            <ac:picMk id="15" creationId="{4FF25913-7B46-A0CD-95CF-199A9643C90C}"/>
          </ac:picMkLst>
        </pc:picChg>
        <pc:picChg chg="add mod ord modCrop">
          <ac:chgData name="Matias Vázquez Piñón" userId="2f86a967-3c9c-4a39-b538-7e6c0574d83d" providerId="ADAL" clId="{214B05F5-CDC9-49A7-9890-C2F0602C8542}" dt="2022-08-16T19:11:27.339" v="2128" actId="1076"/>
          <ac:picMkLst>
            <pc:docMk/>
            <pc:sldMk cId="2113485509" sldId="287"/>
            <ac:picMk id="17" creationId="{C47AF0FC-298E-46D8-F667-66F4FAFF9A3C}"/>
          </ac:picMkLst>
        </pc:picChg>
        <pc:inkChg chg="add del">
          <ac:chgData name="Matias Vázquez Piñón" userId="2f86a967-3c9c-4a39-b538-7e6c0574d83d" providerId="ADAL" clId="{214B05F5-CDC9-49A7-9890-C2F0602C8542}" dt="2022-08-17T19:08:06.035" v="2991" actId="478"/>
          <ac:inkMkLst>
            <pc:docMk/>
            <pc:sldMk cId="2113485509" sldId="287"/>
            <ac:inkMk id="18" creationId="{17BB4F3A-9B57-488C-E293-AA58F61FCA86}"/>
          </ac:inkMkLst>
        </pc:inkChg>
      </pc:sldChg>
      <pc:sldChg chg="addSp delSp modSp new mod modClrScheme chgLayout">
        <pc:chgData name="Matias Vázquez Piñón" userId="2f86a967-3c9c-4a39-b538-7e6c0574d83d" providerId="ADAL" clId="{214B05F5-CDC9-49A7-9890-C2F0602C8542}" dt="2022-08-19T18:32:03.406" v="4743" actId="1076"/>
        <pc:sldMkLst>
          <pc:docMk/>
          <pc:sldMk cId="583678347" sldId="288"/>
        </pc:sldMkLst>
        <pc:spChg chg="del mod ord">
          <ac:chgData name="Matias Vázquez Piñón" userId="2f86a967-3c9c-4a39-b538-7e6c0574d83d" providerId="ADAL" clId="{214B05F5-CDC9-49A7-9890-C2F0602C8542}" dt="2022-08-16T18:49:15.916" v="1964" actId="700"/>
          <ac:spMkLst>
            <pc:docMk/>
            <pc:sldMk cId="583678347" sldId="288"/>
            <ac:spMk id="2" creationId="{5360B940-A671-4A66-00F5-B203DED0B36D}"/>
          </ac:spMkLst>
        </pc:spChg>
        <pc:spChg chg="mod ord">
          <ac:chgData name="Matias Vázquez Piñón" userId="2f86a967-3c9c-4a39-b538-7e6c0574d83d" providerId="ADAL" clId="{214B05F5-CDC9-49A7-9890-C2F0602C8542}" dt="2022-08-16T19:04:29.920" v="2043" actId="700"/>
          <ac:spMkLst>
            <pc:docMk/>
            <pc:sldMk cId="583678347" sldId="288"/>
            <ac:spMk id="3" creationId="{5F16F9B2-B23E-841F-0C4C-A2C7B206786A}"/>
          </ac:spMkLst>
        </pc:spChg>
        <pc:spChg chg="add del mod ord">
          <ac:chgData name="Matias Vázquez Piñón" userId="2f86a967-3c9c-4a39-b538-7e6c0574d83d" providerId="ADAL" clId="{214B05F5-CDC9-49A7-9890-C2F0602C8542}" dt="2022-08-16T19:04:03.674" v="2040" actId="478"/>
          <ac:spMkLst>
            <pc:docMk/>
            <pc:sldMk cId="583678347" sldId="288"/>
            <ac:spMk id="4" creationId="{006A0691-F369-55D1-324C-9CE4BACE951B}"/>
          </ac:spMkLst>
        </pc:spChg>
        <pc:spChg chg="add del mod ord">
          <ac:chgData name="Matias Vázquez Piñón" userId="2f86a967-3c9c-4a39-b538-7e6c0574d83d" providerId="ADAL" clId="{214B05F5-CDC9-49A7-9890-C2F0602C8542}" dt="2022-08-16T18:51:04.566" v="1974" actId="700"/>
          <ac:spMkLst>
            <pc:docMk/>
            <pc:sldMk cId="583678347" sldId="288"/>
            <ac:spMk id="5" creationId="{B03C07B0-8ADA-9B5F-29AF-D7874B7DCE2F}"/>
          </ac:spMkLst>
        </pc:spChg>
        <pc:spChg chg="add del mod ord">
          <ac:chgData name="Matias Vázquez Piñón" userId="2f86a967-3c9c-4a39-b538-7e6c0574d83d" providerId="ADAL" clId="{214B05F5-CDC9-49A7-9890-C2F0602C8542}" dt="2022-08-16T18:49:53.251" v="1969" actId="22"/>
          <ac:spMkLst>
            <pc:docMk/>
            <pc:sldMk cId="583678347" sldId="288"/>
            <ac:spMk id="6" creationId="{533CF8E6-B68C-51F4-1E09-C3DACCBC81ED}"/>
          </ac:spMkLst>
        </pc:spChg>
        <pc:spChg chg="add del mod ord">
          <ac:chgData name="Matias Vázquez Piñón" userId="2f86a967-3c9c-4a39-b538-7e6c0574d83d" providerId="ADAL" clId="{214B05F5-CDC9-49A7-9890-C2F0602C8542}" dt="2022-08-16T18:50:31.959" v="1971" actId="22"/>
          <ac:spMkLst>
            <pc:docMk/>
            <pc:sldMk cId="583678347" sldId="288"/>
            <ac:spMk id="7" creationId="{27952D4E-1740-B1D7-7CD4-8129DD36437C}"/>
          </ac:spMkLst>
        </pc:spChg>
        <pc:spChg chg="add del mod">
          <ac:chgData name="Matias Vázquez Piñón" userId="2f86a967-3c9c-4a39-b538-7e6c0574d83d" providerId="ADAL" clId="{214B05F5-CDC9-49A7-9890-C2F0602C8542}" dt="2022-08-16T18:59:51.837" v="2003" actId="478"/>
          <ac:spMkLst>
            <pc:docMk/>
            <pc:sldMk cId="583678347" sldId="288"/>
            <ac:spMk id="16" creationId="{0A9EBFDA-8A57-84BA-EAFE-3591D9A5A50A}"/>
          </ac:spMkLst>
        </pc:spChg>
        <pc:spChg chg="add del mod ord">
          <ac:chgData name="Matias Vázquez Piñón" userId="2f86a967-3c9c-4a39-b538-7e6c0574d83d" providerId="ADAL" clId="{214B05F5-CDC9-49A7-9890-C2F0602C8542}" dt="2022-08-16T19:00:13.790" v="2007"/>
          <ac:spMkLst>
            <pc:docMk/>
            <pc:sldMk cId="583678347" sldId="288"/>
            <ac:spMk id="17" creationId="{FE391ED9-A7F7-40C9-C85C-C401735A6426}"/>
          </ac:spMkLst>
        </pc:spChg>
        <pc:spChg chg="add del mod ord">
          <ac:chgData name="Matias Vázquez Piñón" userId="2f86a967-3c9c-4a39-b538-7e6c0574d83d" providerId="ADAL" clId="{214B05F5-CDC9-49A7-9890-C2F0602C8542}" dt="2022-08-16T19:01:31.032" v="2023"/>
          <ac:spMkLst>
            <pc:docMk/>
            <pc:sldMk cId="583678347" sldId="288"/>
            <ac:spMk id="18" creationId="{15265460-937B-ECC9-8137-7577A4C05E43}"/>
          </ac:spMkLst>
        </pc:spChg>
        <pc:spChg chg="add del mod ord">
          <ac:chgData name="Matias Vázquez Piñón" userId="2f86a967-3c9c-4a39-b538-7e6c0574d83d" providerId="ADAL" clId="{214B05F5-CDC9-49A7-9890-C2F0602C8542}" dt="2022-08-16T19:03:57.874" v="2036" actId="478"/>
          <ac:spMkLst>
            <pc:docMk/>
            <pc:sldMk cId="583678347" sldId="288"/>
            <ac:spMk id="19" creationId="{CB5D56DB-23B5-DEB4-BD32-877D6E070A7F}"/>
          </ac:spMkLst>
        </pc:spChg>
        <pc:spChg chg="add del mod ord">
          <ac:chgData name="Matias Vázquez Piñón" userId="2f86a967-3c9c-4a39-b538-7e6c0574d83d" providerId="ADAL" clId="{214B05F5-CDC9-49A7-9890-C2F0602C8542}" dt="2022-08-16T19:04:01.582" v="2039" actId="478"/>
          <ac:spMkLst>
            <pc:docMk/>
            <pc:sldMk cId="583678347" sldId="288"/>
            <ac:spMk id="20" creationId="{D093F095-603A-8CCD-0F64-DD2188635D9F}"/>
          </ac:spMkLst>
        </pc:spChg>
        <pc:spChg chg="add del mod ord">
          <ac:chgData name="Matias Vázquez Piñón" userId="2f86a967-3c9c-4a39-b538-7e6c0574d83d" providerId="ADAL" clId="{214B05F5-CDC9-49A7-9890-C2F0602C8542}" dt="2022-08-16T19:02:37.825" v="2029"/>
          <ac:spMkLst>
            <pc:docMk/>
            <pc:sldMk cId="583678347" sldId="288"/>
            <ac:spMk id="21" creationId="{EA23FEFC-FE92-2723-AAE3-8FAD023F119E}"/>
          </ac:spMkLst>
        </pc:spChg>
        <pc:spChg chg="add del mod ord">
          <ac:chgData name="Matias Vázquez Piñón" userId="2f86a967-3c9c-4a39-b538-7e6c0574d83d" providerId="ADAL" clId="{214B05F5-CDC9-49A7-9890-C2F0602C8542}" dt="2022-08-16T19:04:00.873" v="2038" actId="478"/>
          <ac:spMkLst>
            <pc:docMk/>
            <pc:sldMk cId="583678347" sldId="288"/>
            <ac:spMk id="22" creationId="{536FF398-761B-4BC3-7AEF-0D7EB4ACA0F1}"/>
          </ac:spMkLst>
        </pc:spChg>
        <pc:spChg chg="add del mod ord">
          <ac:chgData name="Matias Vázquez Piñón" userId="2f86a967-3c9c-4a39-b538-7e6c0574d83d" providerId="ADAL" clId="{214B05F5-CDC9-49A7-9890-C2F0602C8542}" dt="2022-08-16T19:03:59.272" v="2037" actId="478"/>
          <ac:spMkLst>
            <pc:docMk/>
            <pc:sldMk cId="583678347" sldId="288"/>
            <ac:spMk id="23" creationId="{C9884565-2080-1B67-402F-EE1B8BFECCF7}"/>
          </ac:spMkLst>
        </pc:spChg>
        <pc:spChg chg="add del mod">
          <ac:chgData name="Matias Vázquez Piñón" userId="2f86a967-3c9c-4a39-b538-7e6c0574d83d" providerId="ADAL" clId="{214B05F5-CDC9-49A7-9890-C2F0602C8542}" dt="2022-08-16T19:00:42.281" v="2011" actId="22"/>
          <ac:spMkLst>
            <pc:docMk/>
            <pc:sldMk cId="583678347" sldId="288"/>
            <ac:spMk id="24" creationId="{256EFF09-2B25-A9E0-25E3-39DB533C16FC}"/>
          </ac:spMkLst>
        </pc:spChg>
        <pc:spChg chg="add del mod">
          <ac:chgData name="Matias Vázquez Piñón" userId="2f86a967-3c9c-4a39-b538-7e6c0574d83d" providerId="ADAL" clId="{214B05F5-CDC9-49A7-9890-C2F0602C8542}" dt="2022-08-16T19:02:54.086" v="2030" actId="22"/>
          <ac:spMkLst>
            <pc:docMk/>
            <pc:sldMk cId="583678347" sldId="288"/>
            <ac:spMk id="29" creationId="{3E01C9A9-347B-21F5-8CF9-4FE50EC4B285}"/>
          </ac:spMkLst>
        </pc:spChg>
        <pc:spChg chg="add del mod">
          <ac:chgData name="Matias Vázquez Piñón" userId="2f86a967-3c9c-4a39-b538-7e6c0574d83d" providerId="ADAL" clId="{214B05F5-CDC9-49A7-9890-C2F0602C8542}" dt="2022-08-16T19:04:12.956" v="2042" actId="700"/>
          <ac:spMkLst>
            <pc:docMk/>
            <pc:sldMk cId="583678347" sldId="288"/>
            <ac:spMk id="33" creationId="{3DB9D2AB-80E3-1A82-6078-E44B8F6EF103}"/>
          </ac:spMkLst>
        </pc:spChg>
        <pc:spChg chg="add del mod">
          <ac:chgData name="Matias Vázquez Piñón" userId="2f86a967-3c9c-4a39-b538-7e6c0574d83d" providerId="ADAL" clId="{214B05F5-CDC9-49A7-9890-C2F0602C8542}" dt="2022-08-16T19:04:12.956" v="2042" actId="700"/>
          <ac:spMkLst>
            <pc:docMk/>
            <pc:sldMk cId="583678347" sldId="288"/>
            <ac:spMk id="34" creationId="{B95B4CF5-9939-7DB1-0823-4552C40EA41F}"/>
          </ac:spMkLst>
        </pc:spChg>
        <pc:spChg chg="add del mod">
          <ac:chgData name="Matias Vázquez Piñón" userId="2f86a967-3c9c-4a39-b538-7e6c0574d83d" providerId="ADAL" clId="{214B05F5-CDC9-49A7-9890-C2F0602C8542}" dt="2022-08-16T19:04:12.956" v="2042" actId="700"/>
          <ac:spMkLst>
            <pc:docMk/>
            <pc:sldMk cId="583678347" sldId="288"/>
            <ac:spMk id="35" creationId="{C11F7ABE-2166-B7DE-3124-28899F03CFA6}"/>
          </ac:spMkLst>
        </pc:spChg>
        <pc:spChg chg="add del mod">
          <ac:chgData name="Matias Vázquez Piñón" userId="2f86a967-3c9c-4a39-b538-7e6c0574d83d" providerId="ADAL" clId="{214B05F5-CDC9-49A7-9890-C2F0602C8542}" dt="2022-08-16T19:04:12.956" v="2042" actId="700"/>
          <ac:spMkLst>
            <pc:docMk/>
            <pc:sldMk cId="583678347" sldId="288"/>
            <ac:spMk id="36" creationId="{1FAA261D-2775-CADE-DD85-F6A1BD2E5983}"/>
          </ac:spMkLst>
        </pc:spChg>
        <pc:spChg chg="add del mod ord">
          <ac:chgData name="Matias Vázquez Piñón" userId="2f86a967-3c9c-4a39-b538-7e6c0574d83d" providerId="ADAL" clId="{214B05F5-CDC9-49A7-9890-C2F0602C8542}" dt="2022-08-16T19:04:29.920" v="2043" actId="700"/>
          <ac:spMkLst>
            <pc:docMk/>
            <pc:sldMk cId="583678347" sldId="288"/>
            <ac:spMk id="37" creationId="{95A3034F-5EDC-4D89-9941-63059BCAC05F}"/>
          </ac:spMkLst>
        </pc:spChg>
        <pc:spChg chg="add mod ord">
          <ac:chgData name="Matias Vázquez Piñón" userId="2f86a967-3c9c-4a39-b538-7e6c0574d83d" providerId="ADAL" clId="{214B05F5-CDC9-49A7-9890-C2F0602C8542}" dt="2022-08-16T19:04:40.156" v="2051" actId="20577"/>
          <ac:spMkLst>
            <pc:docMk/>
            <pc:sldMk cId="583678347" sldId="288"/>
            <ac:spMk id="38" creationId="{4CF32978-3944-3E20-DFB3-4721065E8CDC}"/>
          </ac:spMkLst>
        </pc:spChg>
        <pc:spChg chg="add del mod ord">
          <ac:chgData name="Matias Vázquez Piñón" userId="2f86a967-3c9c-4a39-b538-7e6c0574d83d" providerId="ADAL" clId="{214B05F5-CDC9-49A7-9890-C2F0602C8542}" dt="2022-08-16T19:04:30.931" v="2044" actId="22"/>
          <ac:spMkLst>
            <pc:docMk/>
            <pc:sldMk cId="583678347" sldId="288"/>
            <ac:spMk id="39" creationId="{93C507D9-3E32-2713-10EF-C97C0380CC64}"/>
          </ac:spMkLst>
        </pc:spChg>
        <pc:spChg chg="add del mod">
          <ac:chgData name="Matias Vázquez Piñón" userId="2f86a967-3c9c-4a39-b538-7e6c0574d83d" providerId="ADAL" clId="{214B05F5-CDC9-49A7-9890-C2F0602C8542}" dt="2022-08-16T19:05:10.260" v="2055" actId="22"/>
          <ac:spMkLst>
            <pc:docMk/>
            <pc:sldMk cId="583678347" sldId="288"/>
            <ac:spMk id="42" creationId="{11CAF720-12E4-945B-C601-487DA986102F}"/>
          </ac:spMkLst>
        </pc:spChg>
        <pc:spChg chg="add mod">
          <ac:chgData name="Matias Vázquez Piñón" userId="2f86a967-3c9c-4a39-b538-7e6c0574d83d" providerId="ADAL" clId="{214B05F5-CDC9-49A7-9890-C2F0602C8542}" dt="2022-08-16T19:05:31.078" v="2062" actId="14100"/>
          <ac:spMkLst>
            <pc:docMk/>
            <pc:sldMk cId="583678347" sldId="288"/>
            <ac:spMk id="47" creationId="{91AE9E5B-E00A-CFFE-C30E-5925B395AF94}"/>
          </ac:spMkLst>
        </pc:spChg>
        <pc:spChg chg="add mod">
          <ac:chgData name="Matias Vázquez Piñón" userId="2f86a967-3c9c-4a39-b538-7e6c0574d83d" providerId="ADAL" clId="{214B05F5-CDC9-49A7-9890-C2F0602C8542}" dt="2022-08-16T19:05:37.341" v="2064" actId="1076"/>
          <ac:spMkLst>
            <pc:docMk/>
            <pc:sldMk cId="583678347" sldId="288"/>
            <ac:spMk id="48" creationId="{E1ABD56C-BECB-1701-C8CA-E595CDD7B9F2}"/>
          </ac:spMkLst>
        </pc:spChg>
        <pc:picChg chg="add del mod ord modCrop">
          <ac:chgData name="Matias Vázquez Piñón" userId="2f86a967-3c9c-4a39-b538-7e6c0574d83d" providerId="ADAL" clId="{214B05F5-CDC9-49A7-9890-C2F0602C8542}" dt="2022-08-16T19:00:12.049" v="2006" actId="21"/>
          <ac:picMkLst>
            <pc:docMk/>
            <pc:sldMk cId="583678347" sldId="288"/>
            <ac:picMk id="9" creationId="{A3F89D89-0D54-8B69-AFBE-C284F95E2846}"/>
          </ac:picMkLst>
        </pc:picChg>
        <pc:picChg chg="add del mod ord modCrop">
          <ac:chgData name="Matias Vázquez Piñón" userId="2f86a967-3c9c-4a39-b538-7e6c0574d83d" providerId="ADAL" clId="{214B05F5-CDC9-49A7-9890-C2F0602C8542}" dt="2022-08-16T18:59:46.108" v="2002" actId="478"/>
          <ac:picMkLst>
            <pc:docMk/>
            <pc:sldMk cId="583678347" sldId="288"/>
            <ac:picMk id="11" creationId="{4AB5C3D4-A0F3-19D7-895A-EB88EA612434}"/>
          </ac:picMkLst>
        </pc:picChg>
        <pc:picChg chg="add del mod">
          <ac:chgData name="Matias Vázquez Piñón" userId="2f86a967-3c9c-4a39-b538-7e6c0574d83d" providerId="ADAL" clId="{214B05F5-CDC9-49A7-9890-C2F0602C8542}" dt="2022-08-16T19:01:27.625" v="2020" actId="21"/>
          <ac:picMkLst>
            <pc:docMk/>
            <pc:sldMk cId="583678347" sldId="288"/>
            <ac:picMk id="13" creationId="{6DDC5B0C-447D-D2BE-D63D-4A1E99CAEE88}"/>
          </ac:picMkLst>
        </pc:picChg>
        <pc:picChg chg="add del mod ord">
          <ac:chgData name="Matias Vázquez Piñón" userId="2f86a967-3c9c-4a39-b538-7e6c0574d83d" providerId="ADAL" clId="{214B05F5-CDC9-49A7-9890-C2F0602C8542}" dt="2022-08-16T19:04:09.868" v="2041" actId="478"/>
          <ac:picMkLst>
            <pc:docMk/>
            <pc:sldMk cId="583678347" sldId="288"/>
            <ac:picMk id="15" creationId="{8B69D302-1F6B-1796-44AA-A4C12B0A3E6C}"/>
          </ac:picMkLst>
        </pc:picChg>
        <pc:picChg chg="add del mod">
          <ac:chgData name="Matias Vázquez Piñón" userId="2f86a967-3c9c-4a39-b538-7e6c0574d83d" providerId="ADAL" clId="{214B05F5-CDC9-49A7-9890-C2F0602C8542}" dt="2022-08-16T19:04:09.868" v="2041" actId="478"/>
          <ac:picMkLst>
            <pc:docMk/>
            <pc:sldMk cId="583678347" sldId="288"/>
            <ac:picMk id="25" creationId="{965CEA14-4933-3CD7-1321-2CAB3347CBD5}"/>
          </ac:picMkLst>
        </pc:picChg>
        <pc:picChg chg="add del mod ord">
          <ac:chgData name="Matias Vázquez Piñón" userId="2f86a967-3c9c-4a39-b538-7e6c0574d83d" providerId="ADAL" clId="{214B05F5-CDC9-49A7-9890-C2F0602C8542}" dt="2022-08-16T19:02:36.415" v="2028" actId="21"/>
          <ac:picMkLst>
            <pc:docMk/>
            <pc:sldMk cId="583678347" sldId="288"/>
            <ac:picMk id="27" creationId="{193ABE4B-63FA-CA52-9E27-DE6501585E55}"/>
          </ac:picMkLst>
        </pc:picChg>
        <pc:picChg chg="add del mod">
          <ac:chgData name="Matias Vázquez Piñón" userId="2f86a967-3c9c-4a39-b538-7e6c0574d83d" providerId="ADAL" clId="{214B05F5-CDC9-49A7-9890-C2F0602C8542}" dt="2022-08-16T19:04:09.868" v="2041" actId="478"/>
          <ac:picMkLst>
            <pc:docMk/>
            <pc:sldMk cId="583678347" sldId="288"/>
            <ac:picMk id="28" creationId="{023DB9C5-407C-C278-CEBD-C5A10D243D15}"/>
          </ac:picMkLst>
        </pc:picChg>
        <pc:picChg chg="add del mod">
          <ac:chgData name="Matias Vázquez Piñón" userId="2f86a967-3c9c-4a39-b538-7e6c0574d83d" providerId="ADAL" clId="{214B05F5-CDC9-49A7-9890-C2F0602C8542}" dt="2022-08-16T19:04:09.868" v="2041" actId="478"/>
          <ac:picMkLst>
            <pc:docMk/>
            <pc:sldMk cId="583678347" sldId="288"/>
            <ac:picMk id="30" creationId="{12675178-FA4D-28A1-6017-E234696FCBE6}"/>
          </ac:picMkLst>
        </pc:picChg>
        <pc:picChg chg="add del mod ord">
          <ac:chgData name="Matias Vázquez Piñón" userId="2f86a967-3c9c-4a39-b538-7e6c0574d83d" providerId="ADAL" clId="{214B05F5-CDC9-49A7-9890-C2F0602C8542}" dt="2022-08-16T19:04:09.868" v="2041" actId="478"/>
          <ac:picMkLst>
            <pc:docMk/>
            <pc:sldMk cId="583678347" sldId="288"/>
            <ac:picMk id="32" creationId="{BB20ABCE-ADDA-602B-0B84-001629407A03}"/>
          </ac:picMkLst>
        </pc:picChg>
        <pc:picChg chg="add del mod ord">
          <ac:chgData name="Matias Vázquez Piñón" userId="2f86a967-3c9c-4a39-b538-7e6c0574d83d" providerId="ADAL" clId="{214B05F5-CDC9-49A7-9890-C2F0602C8542}" dt="2022-08-16T19:05:06.534" v="2052" actId="478"/>
          <ac:picMkLst>
            <pc:docMk/>
            <pc:sldMk cId="583678347" sldId="288"/>
            <ac:picMk id="41" creationId="{7D263A68-790A-2CDE-352E-933C66BEAACE}"/>
          </ac:picMkLst>
        </pc:picChg>
        <pc:picChg chg="add del">
          <ac:chgData name="Matias Vázquez Piñón" userId="2f86a967-3c9c-4a39-b538-7e6c0574d83d" providerId="ADAL" clId="{214B05F5-CDC9-49A7-9890-C2F0602C8542}" dt="2022-08-16T19:05:08.888" v="2054" actId="22"/>
          <ac:picMkLst>
            <pc:docMk/>
            <pc:sldMk cId="583678347" sldId="288"/>
            <ac:picMk id="44" creationId="{A5DA45D5-00B1-5AB2-FC57-B5B606920AC4}"/>
          </ac:picMkLst>
        </pc:picChg>
        <pc:picChg chg="add mod ord">
          <ac:chgData name="Matias Vázquez Piñón" userId="2f86a967-3c9c-4a39-b538-7e6c0574d83d" providerId="ADAL" clId="{214B05F5-CDC9-49A7-9890-C2F0602C8542}" dt="2022-08-19T18:32:03.406" v="4743" actId="1076"/>
          <ac:picMkLst>
            <pc:docMk/>
            <pc:sldMk cId="583678347" sldId="288"/>
            <ac:picMk id="46" creationId="{9975ADA6-EC0F-9D28-5EFA-D889D33993D1}"/>
          </ac:picMkLst>
        </pc:picChg>
        <pc:inkChg chg="add del">
          <ac:chgData name="Matias Vázquez Piñón" userId="2f86a967-3c9c-4a39-b538-7e6c0574d83d" providerId="ADAL" clId="{214B05F5-CDC9-49A7-9890-C2F0602C8542}" dt="2022-08-19T18:31:48.075" v="4740" actId="9405"/>
          <ac:inkMkLst>
            <pc:docMk/>
            <pc:sldMk cId="583678347" sldId="288"/>
            <ac:inkMk id="2" creationId="{329F0004-10D3-BE4B-B65E-135F4E6E52A4}"/>
          </ac:inkMkLst>
        </pc:inkChg>
        <pc:inkChg chg="add del">
          <ac:chgData name="Matias Vázquez Piñón" userId="2f86a967-3c9c-4a39-b538-7e6c0574d83d" providerId="ADAL" clId="{214B05F5-CDC9-49A7-9890-C2F0602C8542}" dt="2022-08-19T18:31:47.374" v="4739" actId="9405"/>
          <ac:inkMkLst>
            <pc:docMk/>
            <pc:sldMk cId="583678347" sldId="288"/>
            <ac:inkMk id="4" creationId="{D8C8A966-5919-110C-534A-A6C9138F31DA}"/>
          </ac:inkMkLst>
        </pc:inkChg>
        <pc:inkChg chg="add del">
          <ac:chgData name="Matias Vázquez Piñón" userId="2f86a967-3c9c-4a39-b538-7e6c0574d83d" providerId="ADAL" clId="{214B05F5-CDC9-49A7-9890-C2F0602C8542}" dt="2022-08-16T21:00:59.460" v="2135" actId="478"/>
          <ac:inkMkLst>
            <pc:docMk/>
            <pc:sldMk cId="583678347" sldId="288"/>
            <ac:inkMk id="49" creationId="{ED578A67-EBF7-333A-88B8-7AEF1F1408F4}"/>
          </ac:inkMkLst>
        </pc:inkChg>
      </pc:sldChg>
      <pc:sldChg chg="addSp delSp modSp add mod">
        <pc:chgData name="Matias Vázquez Piñón" userId="2f86a967-3c9c-4a39-b538-7e6c0574d83d" providerId="ADAL" clId="{214B05F5-CDC9-49A7-9890-C2F0602C8542}" dt="2022-08-19T18:32:10.033" v="4745" actId="1035"/>
        <pc:sldMkLst>
          <pc:docMk/>
          <pc:sldMk cId="2261103467" sldId="289"/>
        </pc:sldMkLst>
        <pc:spChg chg="add del mod">
          <ac:chgData name="Matias Vázquez Piñón" userId="2f86a967-3c9c-4a39-b538-7e6c0574d83d" providerId="ADAL" clId="{214B05F5-CDC9-49A7-9890-C2F0602C8542}" dt="2022-08-16T19:06:13.962" v="2071" actId="22"/>
          <ac:spMkLst>
            <pc:docMk/>
            <pc:sldMk cId="2261103467" sldId="289"/>
            <ac:spMk id="5" creationId="{C3981586-0A65-F2C6-F866-84F1E52D50D1}"/>
          </ac:spMkLst>
        </pc:spChg>
        <pc:spChg chg="add mod">
          <ac:chgData name="Matias Vázquez Piñón" userId="2f86a967-3c9c-4a39-b538-7e6c0574d83d" providerId="ADAL" clId="{214B05F5-CDC9-49A7-9890-C2F0602C8542}" dt="2022-08-16T19:06:26.619" v="2073" actId="1076"/>
          <ac:spMkLst>
            <pc:docMk/>
            <pc:sldMk cId="2261103467" sldId="289"/>
            <ac:spMk id="10" creationId="{AA49A292-0953-7F5A-B02A-0B54C09335E4}"/>
          </ac:spMkLst>
        </pc:spChg>
        <pc:spChg chg="add mod">
          <ac:chgData name="Matias Vázquez Piñón" userId="2f86a967-3c9c-4a39-b538-7e6c0574d83d" providerId="ADAL" clId="{214B05F5-CDC9-49A7-9890-C2F0602C8542}" dt="2022-08-16T19:06:26.619" v="2073" actId="1076"/>
          <ac:spMkLst>
            <pc:docMk/>
            <pc:sldMk cId="2261103467" sldId="289"/>
            <ac:spMk id="11" creationId="{105BF316-1D90-1F6F-CCB1-C54B1A598CBF}"/>
          </ac:spMkLst>
        </pc:spChg>
        <pc:spChg chg="add mod">
          <ac:chgData name="Matias Vázquez Piñón" userId="2f86a967-3c9c-4a39-b538-7e6c0574d83d" providerId="ADAL" clId="{214B05F5-CDC9-49A7-9890-C2F0602C8542}" dt="2022-08-16T19:07:56.652" v="2112" actId="14100"/>
          <ac:spMkLst>
            <pc:docMk/>
            <pc:sldMk cId="2261103467" sldId="289"/>
            <ac:spMk id="12" creationId="{233441E0-7B18-0A73-33A4-63B762EAE8AE}"/>
          </ac:spMkLst>
        </pc:spChg>
        <pc:picChg chg="add del">
          <ac:chgData name="Matias Vázquez Piñón" userId="2f86a967-3c9c-4a39-b538-7e6c0574d83d" providerId="ADAL" clId="{214B05F5-CDC9-49A7-9890-C2F0602C8542}" dt="2022-08-16T19:06:09.858" v="2067" actId="22"/>
          <ac:picMkLst>
            <pc:docMk/>
            <pc:sldMk cId="2261103467" sldId="289"/>
            <ac:picMk id="4" creationId="{02775381-4E4F-6B17-F73E-7D32902F4A70}"/>
          </ac:picMkLst>
        </pc:picChg>
        <pc:picChg chg="add del">
          <ac:chgData name="Matias Vázquez Piñón" userId="2f86a967-3c9c-4a39-b538-7e6c0574d83d" providerId="ADAL" clId="{214B05F5-CDC9-49A7-9890-C2F0602C8542}" dt="2022-08-16T19:06:12.808" v="2070" actId="22"/>
          <ac:picMkLst>
            <pc:docMk/>
            <pc:sldMk cId="2261103467" sldId="289"/>
            <ac:picMk id="7" creationId="{1DE7C199-3051-ECC1-B5C2-396B726985AA}"/>
          </ac:picMkLst>
        </pc:picChg>
        <pc:picChg chg="add mod ord">
          <ac:chgData name="Matias Vázquez Piñón" userId="2f86a967-3c9c-4a39-b538-7e6c0574d83d" providerId="ADAL" clId="{214B05F5-CDC9-49A7-9890-C2F0602C8542}" dt="2022-08-19T18:32:10.033" v="4745" actId="1035"/>
          <ac:picMkLst>
            <pc:docMk/>
            <pc:sldMk cId="2261103467" sldId="289"/>
            <ac:picMk id="9" creationId="{5CFDBF66-B747-1A7E-314F-AB09BE80241E}"/>
          </ac:picMkLst>
        </pc:picChg>
        <pc:picChg chg="del">
          <ac:chgData name="Matias Vázquez Piñón" userId="2f86a967-3c9c-4a39-b538-7e6c0574d83d" providerId="ADAL" clId="{214B05F5-CDC9-49A7-9890-C2F0602C8542}" dt="2022-08-16T19:06:11.176" v="2068" actId="478"/>
          <ac:picMkLst>
            <pc:docMk/>
            <pc:sldMk cId="2261103467" sldId="289"/>
            <ac:picMk id="46" creationId="{9975ADA6-EC0F-9D28-5EFA-D889D33993D1}"/>
          </ac:picMkLst>
        </pc:picChg>
      </pc:sldChg>
      <pc:sldChg chg="addSp delSp modSp add mod">
        <pc:chgData name="Matias Vázquez Piñón" userId="2f86a967-3c9c-4a39-b538-7e6c0574d83d" providerId="ADAL" clId="{214B05F5-CDC9-49A7-9890-C2F0602C8542}" dt="2022-08-19T18:33:31.010" v="4764" actId="1037"/>
        <pc:sldMkLst>
          <pc:docMk/>
          <pc:sldMk cId="743029601" sldId="290"/>
        </pc:sldMkLst>
        <pc:spChg chg="add del mod">
          <ac:chgData name="Matias Vázquez Piñón" userId="2f86a967-3c9c-4a39-b538-7e6c0574d83d" providerId="ADAL" clId="{214B05F5-CDC9-49A7-9890-C2F0602C8542}" dt="2022-08-16T19:07:16.190" v="2078" actId="22"/>
          <ac:spMkLst>
            <pc:docMk/>
            <pc:sldMk cId="743029601" sldId="290"/>
            <ac:spMk id="2" creationId="{BA8C4456-A79F-B36C-E50C-651941BAD36A}"/>
          </ac:spMkLst>
        </pc:spChg>
        <pc:spChg chg="add mod">
          <ac:chgData name="Matias Vázquez Piñón" userId="2f86a967-3c9c-4a39-b538-7e6c0574d83d" providerId="ADAL" clId="{214B05F5-CDC9-49A7-9890-C2F0602C8542}" dt="2022-08-19T18:33:31.010" v="4764" actId="1037"/>
          <ac:spMkLst>
            <pc:docMk/>
            <pc:sldMk cId="743029601" sldId="290"/>
            <ac:spMk id="8" creationId="{832207E2-FD80-6C4A-7D9C-C612D8397552}"/>
          </ac:spMkLst>
        </pc:spChg>
        <pc:spChg chg="add del mod">
          <ac:chgData name="Matias Vázquez Piñón" userId="2f86a967-3c9c-4a39-b538-7e6c0574d83d" providerId="ADAL" clId="{214B05F5-CDC9-49A7-9890-C2F0602C8542}" dt="2022-08-16T19:14:28.856" v="2130" actId="478"/>
          <ac:spMkLst>
            <pc:docMk/>
            <pc:sldMk cId="743029601" sldId="290"/>
            <ac:spMk id="12" creationId="{0004C5CE-0910-E1A9-A194-8CC283007F24}"/>
          </ac:spMkLst>
        </pc:spChg>
        <pc:spChg chg="add mod">
          <ac:chgData name="Matias Vázquez Piñón" userId="2f86a967-3c9c-4a39-b538-7e6c0574d83d" providerId="ADAL" clId="{214B05F5-CDC9-49A7-9890-C2F0602C8542}" dt="2022-08-19T18:33:15.664" v="4762" actId="1076"/>
          <ac:spMkLst>
            <pc:docMk/>
            <pc:sldMk cId="743029601" sldId="290"/>
            <ac:spMk id="13" creationId="{C7B26FF1-8B10-AEF6-9048-F71D6DD8CF12}"/>
          </ac:spMkLst>
        </pc:spChg>
        <pc:picChg chg="add del">
          <ac:chgData name="Matias Vázquez Piñón" userId="2f86a967-3c9c-4a39-b538-7e6c0574d83d" providerId="ADAL" clId="{214B05F5-CDC9-49A7-9890-C2F0602C8542}" dt="2022-08-16T19:07:14.830" v="2077" actId="22"/>
          <ac:picMkLst>
            <pc:docMk/>
            <pc:sldMk cId="743029601" sldId="290"/>
            <ac:picMk id="5" creationId="{89E54946-5FCD-9636-E2EB-9653929199A6}"/>
          </ac:picMkLst>
        </pc:picChg>
        <pc:picChg chg="add mod ord">
          <ac:chgData name="Matias Vázquez Piñón" userId="2f86a967-3c9c-4a39-b538-7e6c0574d83d" providerId="ADAL" clId="{214B05F5-CDC9-49A7-9890-C2F0602C8542}" dt="2022-08-19T18:33:08.692" v="4761" actId="1038"/>
          <ac:picMkLst>
            <pc:docMk/>
            <pc:sldMk cId="743029601" sldId="290"/>
            <ac:picMk id="7" creationId="{F56FDFF9-5BF5-10E5-EB22-E0697BC97743}"/>
          </ac:picMkLst>
        </pc:picChg>
        <pc:picChg chg="del">
          <ac:chgData name="Matias Vázquez Piñón" userId="2f86a967-3c9c-4a39-b538-7e6c0574d83d" providerId="ADAL" clId="{214B05F5-CDC9-49A7-9890-C2F0602C8542}" dt="2022-08-16T19:07:13.129" v="2075" actId="478"/>
          <ac:picMkLst>
            <pc:docMk/>
            <pc:sldMk cId="743029601" sldId="290"/>
            <ac:picMk id="9" creationId="{5CFDBF66-B747-1A7E-314F-AB09BE80241E}"/>
          </ac:picMkLst>
        </pc:picChg>
      </pc:sldChg>
      <pc:sldChg chg="addSp delSp modSp new mod ord modClrScheme chgLayout">
        <pc:chgData name="Matias Vázquez Piñón" userId="2f86a967-3c9c-4a39-b538-7e6c0574d83d" providerId="ADAL" clId="{214B05F5-CDC9-49A7-9890-C2F0602C8542}" dt="2022-08-19T18:36:04.520" v="4780" actId="20577"/>
        <pc:sldMkLst>
          <pc:docMk/>
          <pc:sldMk cId="78100160" sldId="291"/>
        </pc:sldMkLst>
        <pc:spChg chg="mod ord">
          <ac:chgData name="Matias Vázquez Piñón" userId="2f86a967-3c9c-4a39-b538-7e6c0574d83d" providerId="ADAL" clId="{214B05F5-CDC9-49A7-9890-C2F0602C8542}" dt="2022-08-19T18:33:53.395" v="4772" actId="20577"/>
          <ac:spMkLst>
            <pc:docMk/>
            <pc:sldMk cId="78100160" sldId="291"/>
            <ac:spMk id="2" creationId="{581E08DD-13DB-C63D-B4AA-5598208E69DD}"/>
          </ac:spMkLst>
        </pc:spChg>
        <pc:spChg chg="mod ord">
          <ac:chgData name="Matias Vázquez Piñón" userId="2f86a967-3c9c-4a39-b538-7e6c0574d83d" providerId="ADAL" clId="{214B05F5-CDC9-49A7-9890-C2F0602C8542}" dt="2022-08-19T18:36:04.520" v="4780" actId="20577"/>
          <ac:spMkLst>
            <pc:docMk/>
            <pc:sldMk cId="78100160" sldId="291"/>
            <ac:spMk id="3" creationId="{242D24D5-BDA6-81EB-7E83-D194FDD73077}"/>
          </ac:spMkLst>
        </pc:spChg>
        <pc:spChg chg="mod ord">
          <ac:chgData name="Matias Vázquez Piñón" userId="2f86a967-3c9c-4a39-b538-7e6c0574d83d" providerId="ADAL" clId="{214B05F5-CDC9-49A7-9890-C2F0602C8542}" dt="2022-08-17T19:07:36.892" v="2987" actId="700"/>
          <ac:spMkLst>
            <pc:docMk/>
            <pc:sldMk cId="78100160" sldId="291"/>
            <ac:spMk id="4" creationId="{71BA6C5B-BACA-109D-AFF9-42F2CC2BB38C}"/>
          </ac:spMkLst>
        </pc:spChg>
        <pc:spChg chg="add del mod ord">
          <ac:chgData name="Matias Vázquez Piñón" userId="2f86a967-3c9c-4a39-b538-7e6c0574d83d" providerId="ADAL" clId="{214B05F5-CDC9-49A7-9890-C2F0602C8542}" dt="2022-08-17T18:55:44.474" v="2648" actId="3680"/>
          <ac:spMkLst>
            <pc:docMk/>
            <pc:sldMk cId="78100160" sldId="291"/>
            <ac:spMk id="5" creationId="{B33D2C45-389E-094E-A01D-D80DA2AD26DA}"/>
          </ac:spMkLst>
        </pc:spChg>
        <pc:spChg chg="add del mod">
          <ac:chgData name="Matias Vázquez Piñón" userId="2f86a967-3c9c-4a39-b538-7e6c0574d83d" providerId="ADAL" clId="{214B05F5-CDC9-49A7-9890-C2F0602C8542}" dt="2022-08-17T19:08:38.401" v="2992"/>
          <ac:spMkLst>
            <pc:docMk/>
            <pc:sldMk cId="78100160" sldId="291"/>
            <ac:spMk id="8" creationId="{0B20D7EE-F377-CDEA-43E3-713F59FA2302}"/>
          </ac:spMkLst>
        </pc:spChg>
        <pc:spChg chg="add mod ord">
          <ac:chgData name="Matias Vázquez Piñón" userId="2f86a967-3c9c-4a39-b538-7e6c0574d83d" providerId="ADAL" clId="{214B05F5-CDC9-49A7-9890-C2F0602C8542}" dt="2022-08-17T19:12:11.553" v="3057" actId="164"/>
          <ac:spMkLst>
            <pc:docMk/>
            <pc:sldMk cId="78100160" sldId="291"/>
            <ac:spMk id="11" creationId="{49138F92-0722-A6F0-01C5-565AEE23BE78}"/>
          </ac:spMkLst>
        </pc:spChg>
        <pc:spChg chg="add del mod">
          <ac:chgData name="Matias Vázquez Piñón" userId="2f86a967-3c9c-4a39-b538-7e6c0574d83d" providerId="ADAL" clId="{214B05F5-CDC9-49A7-9890-C2F0602C8542}" dt="2022-08-17T19:12:07.836" v="3056" actId="478"/>
          <ac:spMkLst>
            <pc:docMk/>
            <pc:sldMk cId="78100160" sldId="291"/>
            <ac:spMk id="16" creationId="{D69706A8-2DF1-5405-C259-F4197A5E0944}"/>
          </ac:spMkLst>
        </pc:spChg>
        <pc:spChg chg="mod">
          <ac:chgData name="Matias Vázquez Piñón" userId="2f86a967-3c9c-4a39-b538-7e6c0574d83d" providerId="ADAL" clId="{214B05F5-CDC9-49A7-9890-C2F0602C8542}" dt="2022-08-17T19:12:21.825" v="3061" actId="20577"/>
          <ac:spMkLst>
            <pc:docMk/>
            <pc:sldMk cId="78100160" sldId="291"/>
            <ac:spMk id="24" creationId="{4FBEF6FE-6168-4610-EFBD-DED39D48E273}"/>
          </ac:spMkLst>
        </pc:spChg>
        <pc:spChg chg="mod">
          <ac:chgData name="Matias Vázquez Piñón" userId="2f86a967-3c9c-4a39-b538-7e6c0574d83d" providerId="ADAL" clId="{214B05F5-CDC9-49A7-9890-C2F0602C8542}" dt="2022-08-17T19:12:57.249" v="3069" actId="20577"/>
          <ac:spMkLst>
            <pc:docMk/>
            <pc:sldMk cId="78100160" sldId="291"/>
            <ac:spMk id="27" creationId="{CF953649-B90F-0A3E-20C6-AB93DDAF9CB4}"/>
          </ac:spMkLst>
        </pc:spChg>
        <pc:spChg chg="mod">
          <ac:chgData name="Matias Vázquez Piñón" userId="2f86a967-3c9c-4a39-b538-7e6c0574d83d" providerId="ADAL" clId="{214B05F5-CDC9-49A7-9890-C2F0602C8542}" dt="2022-08-17T19:13:15.577" v="3073" actId="20577"/>
          <ac:spMkLst>
            <pc:docMk/>
            <pc:sldMk cId="78100160" sldId="291"/>
            <ac:spMk id="30" creationId="{9ADD1E59-259A-BF7D-6274-941BB58D809C}"/>
          </ac:spMkLst>
        </pc:spChg>
        <pc:spChg chg="mod">
          <ac:chgData name="Matias Vázquez Piñón" userId="2f86a967-3c9c-4a39-b538-7e6c0574d83d" providerId="ADAL" clId="{214B05F5-CDC9-49A7-9890-C2F0602C8542}" dt="2022-08-17T19:13:47.264" v="3075"/>
          <ac:spMkLst>
            <pc:docMk/>
            <pc:sldMk cId="78100160" sldId="291"/>
            <ac:spMk id="33" creationId="{6EE64D1E-B170-B81D-B957-E9CCFE3A5F3D}"/>
          </ac:spMkLst>
        </pc:spChg>
        <pc:spChg chg="add mod">
          <ac:chgData name="Matias Vázquez Piñón" userId="2f86a967-3c9c-4a39-b538-7e6c0574d83d" providerId="ADAL" clId="{214B05F5-CDC9-49A7-9890-C2F0602C8542}" dt="2022-08-17T19:21:01.972" v="3273" actId="1076"/>
          <ac:spMkLst>
            <pc:docMk/>
            <pc:sldMk cId="78100160" sldId="291"/>
            <ac:spMk id="34" creationId="{3841CD2D-470C-1E2C-B631-5D57FFDBAC10}"/>
          </ac:spMkLst>
        </pc:spChg>
        <pc:grpChg chg="add mod">
          <ac:chgData name="Matias Vázquez Piñón" userId="2f86a967-3c9c-4a39-b538-7e6c0574d83d" providerId="ADAL" clId="{214B05F5-CDC9-49A7-9890-C2F0602C8542}" dt="2022-08-17T19:12:32.654" v="3062" actId="1076"/>
          <ac:grpSpMkLst>
            <pc:docMk/>
            <pc:sldMk cId="78100160" sldId="291"/>
            <ac:grpSpMk id="21" creationId="{761D4D42-DA79-2058-96BE-98D588553C5D}"/>
          </ac:grpSpMkLst>
        </pc:grpChg>
        <pc:grpChg chg="add mod">
          <ac:chgData name="Matias Vázquez Piñón" userId="2f86a967-3c9c-4a39-b538-7e6c0574d83d" providerId="ADAL" clId="{214B05F5-CDC9-49A7-9890-C2F0602C8542}" dt="2022-08-17T19:13:32.792" v="3074" actId="465"/>
          <ac:grpSpMkLst>
            <pc:docMk/>
            <pc:sldMk cId="78100160" sldId="291"/>
            <ac:grpSpMk id="22" creationId="{83AB6E16-F2DD-F2A6-BABA-F2436E221043}"/>
          </ac:grpSpMkLst>
        </pc:grpChg>
        <pc:grpChg chg="add mod">
          <ac:chgData name="Matias Vázquez Piñón" userId="2f86a967-3c9c-4a39-b538-7e6c0574d83d" providerId="ADAL" clId="{214B05F5-CDC9-49A7-9890-C2F0602C8542}" dt="2022-08-17T19:13:32.792" v="3074" actId="465"/>
          <ac:grpSpMkLst>
            <pc:docMk/>
            <pc:sldMk cId="78100160" sldId="291"/>
            <ac:grpSpMk id="25" creationId="{E6C8E30A-AE0F-FC0B-15B6-820BDEF0F567}"/>
          </ac:grpSpMkLst>
        </pc:grpChg>
        <pc:grpChg chg="add mod">
          <ac:chgData name="Matias Vázquez Piñón" userId="2f86a967-3c9c-4a39-b538-7e6c0574d83d" providerId="ADAL" clId="{214B05F5-CDC9-49A7-9890-C2F0602C8542}" dt="2022-08-17T19:13:12.401" v="3072" actId="1076"/>
          <ac:grpSpMkLst>
            <pc:docMk/>
            <pc:sldMk cId="78100160" sldId="291"/>
            <ac:grpSpMk id="28" creationId="{89204CD0-5D63-82FE-9D3D-B4A72F369057}"/>
          </ac:grpSpMkLst>
        </pc:grpChg>
        <pc:grpChg chg="add del mod">
          <ac:chgData name="Matias Vázquez Piñón" userId="2f86a967-3c9c-4a39-b538-7e6c0574d83d" providerId="ADAL" clId="{214B05F5-CDC9-49A7-9890-C2F0602C8542}" dt="2022-08-17T19:13:49.317" v="3076"/>
          <ac:grpSpMkLst>
            <pc:docMk/>
            <pc:sldMk cId="78100160" sldId="291"/>
            <ac:grpSpMk id="31" creationId="{9E3540D2-04B8-763F-82FD-043D4A8F5864}"/>
          </ac:grpSpMkLst>
        </pc:grpChg>
        <pc:graphicFrameChg chg="add del mod ord modGraphic">
          <ac:chgData name="Matias Vázquez Piñón" userId="2f86a967-3c9c-4a39-b538-7e6c0574d83d" providerId="ADAL" clId="{214B05F5-CDC9-49A7-9890-C2F0602C8542}" dt="2022-08-17T19:07:50.126" v="2989" actId="21"/>
          <ac:graphicFrameMkLst>
            <pc:docMk/>
            <pc:sldMk cId="78100160" sldId="291"/>
            <ac:graphicFrameMk id="6" creationId="{1F0192F1-7BD2-67B4-B131-D73C1E137ECF}"/>
          </ac:graphicFrameMkLst>
        </pc:graphicFrameChg>
        <pc:graphicFrameChg chg="add mod">
          <ac:chgData name="Matias Vázquez Piñón" userId="2f86a967-3c9c-4a39-b538-7e6c0574d83d" providerId="ADAL" clId="{214B05F5-CDC9-49A7-9890-C2F0602C8542}" dt="2022-08-17T19:07:52.906" v="2990"/>
          <ac:graphicFrameMkLst>
            <pc:docMk/>
            <pc:sldMk cId="78100160" sldId="291"/>
            <ac:graphicFrameMk id="9" creationId="{BF6FD89B-7CD9-7F04-346F-DEC4EC11D5C4}"/>
          </ac:graphicFrameMkLst>
        </pc:graphicFrameChg>
        <pc:picChg chg="add mod">
          <ac:chgData name="Matias Vázquez Piñón" userId="2f86a967-3c9c-4a39-b538-7e6c0574d83d" providerId="ADAL" clId="{214B05F5-CDC9-49A7-9890-C2F0602C8542}" dt="2022-08-17T19:11:09.263" v="3036" actId="1076"/>
          <ac:picMkLst>
            <pc:docMk/>
            <pc:sldMk cId="78100160" sldId="291"/>
            <ac:picMk id="10" creationId="{02EBF181-C762-F823-844A-386880C7675F}"/>
          </ac:picMkLst>
        </pc:picChg>
        <pc:cxnChg chg="add mod">
          <ac:chgData name="Matias Vázquez Piñón" userId="2f86a967-3c9c-4a39-b538-7e6c0574d83d" providerId="ADAL" clId="{214B05F5-CDC9-49A7-9890-C2F0602C8542}" dt="2022-08-17T19:12:11.553" v="3057" actId="164"/>
          <ac:cxnSpMkLst>
            <pc:docMk/>
            <pc:sldMk cId="78100160" sldId="291"/>
            <ac:cxnSpMk id="13" creationId="{21335ABF-41F0-6610-F0B6-422B1669FC1B}"/>
          </ac:cxnSpMkLst>
        </pc:cxnChg>
        <pc:cxnChg chg="add del mod">
          <ac:chgData name="Matias Vázquez Piñón" userId="2f86a967-3c9c-4a39-b538-7e6c0574d83d" providerId="ADAL" clId="{214B05F5-CDC9-49A7-9890-C2F0602C8542}" dt="2022-08-17T19:12:07.836" v="3056" actId="478"/>
          <ac:cxnSpMkLst>
            <pc:docMk/>
            <pc:sldMk cId="78100160" sldId="291"/>
            <ac:cxnSpMk id="17" creationId="{79579E96-B5D1-B7B4-2A0C-7F48C714597A}"/>
          </ac:cxnSpMkLst>
        </pc:cxnChg>
        <pc:cxnChg chg="mod">
          <ac:chgData name="Matias Vázquez Piñón" userId="2f86a967-3c9c-4a39-b538-7e6c0574d83d" providerId="ADAL" clId="{214B05F5-CDC9-49A7-9890-C2F0602C8542}" dt="2022-08-17T19:12:13.759" v="3058"/>
          <ac:cxnSpMkLst>
            <pc:docMk/>
            <pc:sldMk cId="78100160" sldId="291"/>
            <ac:cxnSpMk id="23" creationId="{3E90722C-6744-D00E-73D6-D7EEF3CA726C}"/>
          </ac:cxnSpMkLst>
        </pc:cxnChg>
        <pc:cxnChg chg="mod">
          <ac:chgData name="Matias Vázquez Piñón" userId="2f86a967-3c9c-4a39-b538-7e6c0574d83d" providerId="ADAL" clId="{214B05F5-CDC9-49A7-9890-C2F0602C8542}" dt="2022-08-17T19:12:50.393" v="3064"/>
          <ac:cxnSpMkLst>
            <pc:docMk/>
            <pc:sldMk cId="78100160" sldId="291"/>
            <ac:cxnSpMk id="26" creationId="{AA8B83C2-66CB-3287-CAFE-00F5EF5C2EC8}"/>
          </ac:cxnSpMkLst>
        </pc:cxnChg>
        <pc:cxnChg chg="mod">
          <ac:chgData name="Matias Vázquez Piñón" userId="2f86a967-3c9c-4a39-b538-7e6c0574d83d" providerId="ADAL" clId="{214B05F5-CDC9-49A7-9890-C2F0602C8542}" dt="2022-08-17T19:13:05.861" v="3071"/>
          <ac:cxnSpMkLst>
            <pc:docMk/>
            <pc:sldMk cId="78100160" sldId="291"/>
            <ac:cxnSpMk id="29" creationId="{446AD56A-4FF0-50F5-51D4-832CBECF6880}"/>
          </ac:cxnSpMkLst>
        </pc:cxnChg>
        <pc:cxnChg chg="mod">
          <ac:chgData name="Matias Vázquez Piñón" userId="2f86a967-3c9c-4a39-b538-7e6c0574d83d" providerId="ADAL" clId="{214B05F5-CDC9-49A7-9890-C2F0602C8542}" dt="2022-08-17T19:13:47.264" v="3075"/>
          <ac:cxnSpMkLst>
            <pc:docMk/>
            <pc:sldMk cId="78100160" sldId="291"/>
            <ac:cxnSpMk id="32" creationId="{8DFA67AB-81EE-19EB-5CCE-0732A34B8EB7}"/>
          </ac:cxnSpMkLst>
        </pc:cxnChg>
      </pc:sldChg>
      <pc:sldChg chg="addSp delSp modSp new mod chgLayout">
        <pc:chgData name="Matias Vázquez Piñón" userId="2f86a967-3c9c-4a39-b538-7e6c0574d83d" providerId="ADAL" clId="{214B05F5-CDC9-49A7-9890-C2F0602C8542}" dt="2022-08-19T18:37:35.303" v="4789" actId="1076"/>
        <pc:sldMkLst>
          <pc:docMk/>
          <pc:sldMk cId="2174901691" sldId="292"/>
        </pc:sldMkLst>
        <pc:spChg chg="mod ord">
          <ac:chgData name="Matias Vázquez Piñón" userId="2f86a967-3c9c-4a39-b538-7e6c0574d83d" providerId="ADAL" clId="{214B05F5-CDC9-49A7-9890-C2F0602C8542}" dt="2022-08-17T20:04:54.627" v="4116" actId="700"/>
          <ac:spMkLst>
            <pc:docMk/>
            <pc:sldMk cId="2174901691" sldId="292"/>
            <ac:spMk id="2" creationId="{5DC7167D-D9A7-D0D4-2E3F-6A39F3781257}"/>
          </ac:spMkLst>
        </pc:spChg>
        <pc:spChg chg="mod ord">
          <ac:chgData name="Matias Vázquez Piñón" userId="2f86a967-3c9c-4a39-b538-7e6c0574d83d" providerId="ADAL" clId="{214B05F5-CDC9-49A7-9890-C2F0602C8542}" dt="2022-08-19T18:36:29.782" v="4785" actId="113"/>
          <ac:spMkLst>
            <pc:docMk/>
            <pc:sldMk cId="2174901691" sldId="292"/>
            <ac:spMk id="3" creationId="{8FBB4B95-CA66-41B8-A680-50D88D927887}"/>
          </ac:spMkLst>
        </pc:spChg>
        <pc:spChg chg="del">
          <ac:chgData name="Matias Vázquez Piñón" userId="2f86a967-3c9c-4a39-b538-7e6c0574d83d" providerId="ADAL" clId="{214B05F5-CDC9-49A7-9890-C2F0602C8542}" dt="2022-08-17T19:20:32.997" v="3272"/>
          <ac:spMkLst>
            <pc:docMk/>
            <pc:sldMk cId="2174901691" sldId="292"/>
            <ac:spMk id="4" creationId="{94EFD0BC-2F54-C49A-461D-7FFB8703D81A}"/>
          </ac:spMkLst>
        </pc:spChg>
        <pc:spChg chg="mod ord">
          <ac:chgData name="Matias Vázquez Piñón" userId="2f86a967-3c9c-4a39-b538-7e6c0574d83d" providerId="ADAL" clId="{214B05F5-CDC9-49A7-9890-C2F0602C8542}" dt="2022-08-17T20:04:54.627" v="4116" actId="700"/>
          <ac:spMkLst>
            <pc:docMk/>
            <pc:sldMk cId="2174901691" sldId="292"/>
            <ac:spMk id="5" creationId="{0B4F8D69-6A57-2C9E-F5A2-1A739B08C152}"/>
          </ac:spMkLst>
        </pc:spChg>
        <pc:spChg chg="add del mod">
          <ac:chgData name="Matias Vázquez Piñón" userId="2f86a967-3c9c-4a39-b538-7e6c0574d83d" providerId="ADAL" clId="{214B05F5-CDC9-49A7-9890-C2F0602C8542}" dt="2022-08-17T19:21:34.045" v="3295" actId="478"/>
          <ac:spMkLst>
            <pc:docMk/>
            <pc:sldMk cId="2174901691" sldId="292"/>
            <ac:spMk id="7" creationId="{1CA492DC-D8C1-37BE-3DF5-2E29BA093396}"/>
          </ac:spMkLst>
        </pc:spChg>
        <pc:spChg chg="add del mod">
          <ac:chgData name="Matias Vázquez Piñón" userId="2f86a967-3c9c-4a39-b538-7e6c0574d83d" providerId="ADAL" clId="{214B05F5-CDC9-49A7-9890-C2F0602C8542}" dt="2022-08-17T19:30:15.226" v="3840" actId="22"/>
          <ac:spMkLst>
            <pc:docMk/>
            <pc:sldMk cId="2174901691" sldId="292"/>
            <ac:spMk id="9" creationId="{A3D4785F-D968-0C0A-27E3-E85ED8BB451A}"/>
          </ac:spMkLst>
        </pc:spChg>
        <pc:spChg chg="add mod topLvl">
          <ac:chgData name="Matias Vázquez Piñón" userId="2f86a967-3c9c-4a39-b538-7e6c0574d83d" providerId="ADAL" clId="{214B05F5-CDC9-49A7-9890-C2F0602C8542}" dt="2022-08-19T18:37:28.117" v="4788" actId="1076"/>
          <ac:spMkLst>
            <pc:docMk/>
            <pc:sldMk cId="2174901691" sldId="292"/>
            <ac:spMk id="15" creationId="{9B694F3A-4D28-5B1C-BBB8-4CA4131EC3FD}"/>
          </ac:spMkLst>
        </pc:spChg>
        <pc:spChg chg="add del mod topLvl">
          <ac:chgData name="Matias Vázquez Piñón" userId="2f86a967-3c9c-4a39-b538-7e6c0574d83d" providerId="ADAL" clId="{214B05F5-CDC9-49A7-9890-C2F0602C8542}" dt="2022-08-19T18:37:28.117" v="4788" actId="1076"/>
          <ac:spMkLst>
            <pc:docMk/>
            <pc:sldMk cId="2174901691" sldId="292"/>
            <ac:spMk id="16" creationId="{100067ED-1760-B48F-ADA5-F935EEC9FE97}"/>
          </ac:spMkLst>
        </pc:spChg>
        <pc:spChg chg="add mod">
          <ac:chgData name="Matias Vázquez Piñón" userId="2f86a967-3c9c-4a39-b538-7e6c0574d83d" providerId="ADAL" clId="{214B05F5-CDC9-49A7-9890-C2F0602C8542}" dt="2022-08-19T18:37:28.117" v="4788" actId="1076"/>
          <ac:spMkLst>
            <pc:docMk/>
            <pc:sldMk cId="2174901691" sldId="292"/>
            <ac:spMk id="18" creationId="{4DB831B6-4F82-752A-68E7-0590ABB01FDB}"/>
          </ac:spMkLst>
        </pc:spChg>
        <pc:spChg chg="add mod">
          <ac:chgData name="Matias Vázquez Piñón" userId="2f86a967-3c9c-4a39-b538-7e6c0574d83d" providerId="ADAL" clId="{214B05F5-CDC9-49A7-9890-C2F0602C8542}" dt="2022-08-19T18:37:28.117" v="4788" actId="1076"/>
          <ac:spMkLst>
            <pc:docMk/>
            <pc:sldMk cId="2174901691" sldId="292"/>
            <ac:spMk id="19" creationId="{AE4BB06B-3082-F3B3-8963-D4233E45EE1B}"/>
          </ac:spMkLst>
        </pc:spChg>
        <pc:spChg chg="add mod">
          <ac:chgData name="Matias Vázquez Piñón" userId="2f86a967-3c9c-4a39-b538-7e6c0574d83d" providerId="ADAL" clId="{214B05F5-CDC9-49A7-9890-C2F0602C8542}" dt="2022-08-19T18:37:28.117" v="4788" actId="1076"/>
          <ac:spMkLst>
            <pc:docMk/>
            <pc:sldMk cId="2174901691" sldId="292"/>
            <ac:spMk id="46" creationId="{48F3F8A1-3F5B-90F4-D409-5ED1027FF659}"/>
          </ac:spMkLst>
        </pc:spChg>
        <pc:grpChg chg="add del mod">
          <ac:chgData name="Matias Vázquez Piñón" userId="2f86a967-3c9c-4a39-b538-7e6c0574d83d" providerId="ADAL" clId="{214B05F5-CDC9-49A7-9890-C2F0602C8542}" dt="2022-08-19T18:37:28.117" v="4788" actId="1076"/>
          <ac:grpSpMkLst>
            <pc:docMk/>
            <pc:sldMk cId="2174901691" sldId="292"/>
            <ac:grpSpMk id="14" creationId="{E516C5DE-3956-3104-57BC-D2670F147834}"/>
          </ac:grpSpMkLst>
        </pc:grpChg>
        <pc:grpChg chg="add mod">
          <ac:chgData name="Matias Vázquez Piñón" userId="2f86a967-3c9c-4a39-b538-7e6c0574d83d" providerId="ADAL" clId="{214B05F5-CDC9-49A7-9890-C2F0602C8542}" dt="2022-08-19T18:37:28.117" v="4788" actId="1076"/>
          <ac:grpSpMkLst>
            <pc:docMk/>
            <pc:sldMk cId="2174901691" sldId="292"/>
            <ac:grpSpMk id="17" creationId="{D89676E8-2CE0-A01E-C92E-36E147B910D8}"/>
          </ac:grpSpMkLst>
        </pc:grpChg>
        <pc:grpChg chg="mod">
          <ac:chgData name="Matias Vázquez Piñón" userId="2f86a967-3c9c-4a39-b538-7e6c0574d83d" providerId="ADAL" clId="{214B05F5-CDC9-49A7-9890-C2F0602C8542}" dt="2022-08-17T19:38:25.079" v="4020"/>
          <ac:grpSpMkLst>
            <pc:docMk/>
            <pc:sldMk cId="2174901691" sldId="292"/>
            <ac:grpSpMk id="22" creationId="{60DAB546-5B5A-C3AC-1836-88D4095CE2AA}"/>
          </ac:grpSpMkLst>
        </pc:grpChg>
        <pc:grpChg chg="mod">
          <ac:chgData name="Matias Vázquez Piñón" userId="2f86a967-3c9c-4a39-b538-7e6c0574d83d" providerId="ADAL" clId="{214B05F5-CDC9-49A7-9890-C2F0602C8542}" dt="2022-08-17T19:38:33.017" v="4026"/>
          <ac:grpSpMkLst>
            <pc:docMk/>
            <pc:sldMk cId="2174901691" sldId="292"/>
            <ac:grpSpMk id="25" creationId="{EF820740-A32B-63A7-5C1E-CF48CF556EE9}"/>
          </ac:grpSpMkLst>
        </pc:grpChg>
        <pc:grpChg chg="mod">
          <ac:chgData name="Matias Vázquez Piñón" userId="2f86a967-3c9c-4a39-b538-7e6c0574d83d" providerId="ADAL" clId="{214B05F5-CDC9-49A7-9890-C2F0602C8542}" dt="2022-08-17T19:38:38.221" v="4032"/>
          <ac:grpSpMkLst>
            <pc:docMk/>
            <pc:sldMk cId="2174901691" sldId="292"/>
            <ac:grpSpMk id="28" creationId="{15ACE70D-165D-E752-A0B9-063D3992C3C6}"/>
          </ac:grpSpMkLst>
        </pc:grpChg>
        <pc:grpChg chg="mod">
          <ac:chgData name="Matias Vázquez Piñón" userId="2f86a967-3c9c-4a39-b538-7e6c0574d83d" providerId="ADAL" clId="{214B05F5-CDC9-49A7-9890-C2F0602C8542}" dt="2022-08-17T19:39:17.989" v="4049"/>
          <ac:grpSpMkLst>
            <pc:docMk/>
            <pc:sldMk cId="2174901691" sldId="292"/>
            <ac:grpSpMk id="41" creationId="{14C177CF-D330-4766-B7FC-E148804E195A}"/>
          </ac:grpSpMkLst>
        </pc:grpChg>
        <pc:grpChg chg="del mod">
          <ac:chgData name="Matias Vázquez Piñón" userId="2f86a967-3c9c-4a39-b538-7e6c0574d83d" providerId="ADAL" clId="{214B05F5-CDC9-49A7-9890-C2F0602C8542}" dt="2022-08-17T19:39:36.702" v="4064" actId="478"/>
          <ac:grpSpMkLst>
            <pc:docMk/>
            <pc:sldMk cId="2174901691" sldId="292"/>
            <ac:grpSpMk id="45" creationId="{B32B9FDD-9598-0584-5D9A-E3E932E2204D}"/>
          </ac:grpSpMkLst>
        </pc:grpChg>
        <pc:graphicFrameChg chg="add mod modGraphic">
          <ac:chgData name="Matias Vázquez Piñón" userId="2f86a967-3c9c-4a39-b538-7e6c0574d83d" providerId="ADAL" clId="{214B05F5-CDC9-49A7-9890-C2F0602C8542}" dt="2022-08-17T19:42:26.147" v="4073" actId="1076"/>
          <ac:graphicFrameMkLst>
            <pc:docMk/>
            <pc:sldMk cId="2174901691" sldId="292"/>
            <ac:graphicFrameMk id="8" creationId="{EABD6B9B-78BB-21DA-47D5-0929F7704E91}"/>
          </ac:graphicFrameMkLst>
        </pc:graphicFrameChg>
        <pc:picChg chg="add del mod">
          <ac:chgData name="Matias Vázquez Piñón" userId="2f86a967-3c9c-4a39-b538-7e6c0574d83d" providerId="ADAL" clId="{214B05F5-CDC9-49A7-9890-C2F0602C8542}" dt="2022-08-17T19:30:12.595" v="3837" actId="478"/>
          <ac:picMkLst>
            <pc:docMk/>
            <pc:sldMk cId="2174901691" sldId="292"/>
            <ac:picMk id="6" creationId="{8E088B86-7314-60A8-60CA-919736FB5681}"/>
          </ac:picMkLst>
        </pc:picChg>
        <pc:picChg chg="add del">
          <ac:chgData name="Matias Vázquez Piñón" userId="2f86a967-3c9c-4a39-b538-7e6c0574d83d" providerId="ADAL" clId="{214B05F5-CDC9-49A7-9890-C2F0602C8542}" dt="2022-08-17T19:30:14.068" v="3839" actId="22"/>
          <ac:picMkLst>
            <pc:docMk/>
            <pc:sldMk cId="2174901691" sldId="292"/>
            <ac:picMk id="11" creationId="{FD48E3F8-F8CC-9311-3812-3ED1385FC34E}"/>
          </ac:picMkLst>
        </pc:picChg>
        <pc:picChg chg="add mod ord">
          <ac:chgData name="Matias Vázquez Piñón" userId="2f86a967-3c9c-4a39-b538-7e6c0574d83d" providerId="ADAL" clId="{214B05F5-CDC9-49A7-9890-C2F0602C8542}" dt="2022-08-19T18:37:28.117" v="4788" actId="1076"/>
          <ac:picMkLst>
            <pc:docMk/>
            <pc:sldMk cId="2174901691" sldId="292"/>
            <ac:picMk id="13" creationId="{783C928D-9F8D-86CA-A5AE-925878EA3B22}"/>
          </ac:picMkLst>
        </pc:picChg>
        <pc:picChg chg="add mod">
          <ac:chgData name="Matias Vázquez Piñón" userId="2f86a967-3c9c-4a39-b538-7e6c0574d83d" providerId="ADAL" clId="{214B05F5-CDC9-49A7-9890-C2F0602C8542}" dt="2022-08-19T18:37:35.303" v="4789" actId="1076"/>
          <ac:picMkLst>
            <pc:docMk/>
            <pc:sldMk cId="2174901691" sldId="292"/>
            <ac:picMk id="1026" creationId="{8759E1F0-4B50-2D98-6D77-909EF664500B}"/>
          </ac:picMkLst>
        </pc:picChg>
        <pc:inkChg chg="add del mod">
          <ac:chgData name="Matias Vázquez Piñón" userId="2f86a967-3c9c-4a39-b538-7e6c0574d83d" providerId="ADAL" clId="{214B05F5-CDC9-49A7-9890-C2F0602C8542}" dt="2022-08-17T19:38:25.951" v="4021" actId="9405"/>
          <ac:inkMkLst>
            <pc:docMk/>
            <pc:sldMk cId="2174901691" sldId="292"/>
            <ac:inkMk id="20" creationId="{B88B4AA6-82FC-EFD7-EF17-1E0BC69F94D0}"/>
          </ac:inkMkLst>
        </pc:inkChg>
        <pc:inkChg chg="add del mod">
          <ac:chgData name="Matias Vázquez Piñón" userId="2f86a967-3c9c-4a39-b538-7e6c0574d83d" providerId="ADAL" clId="{214B05F5-CDC9-49A7-9890-C2F0602C8542}" dt="2022-08-17T19:38:25.079" v="4020"/>
          <ac:inkMkLst>
            <pc:docMk/>
            <pc:sldMk cId="2174901691" sldId="292"/>
            <ac:inkMk id="21" creationId="{EBD6339F-9486-78A4-0797-9C98A0340095}"/>
          </ac:inkMkLst>
        </pc:inkChg>
        <pc:inkChg chg="add del mod">
          <ac:chgData name="Matias Vázquez Piñón" userId="2f86a967-3c9c-4a39-b538-7e6c0574d83d" providerId="ADAL" clId="{214B05F5-CDC9-49A7-9890-C2F0602C8542}" dt="2022-08-17T19:38:33.718" v="4027" actId="9405"/>
          <ac:inkMkLst>
            <pc:docMk/>
            <pc:sldMk cId="2174901691" sldId="292"/>
            <ac:inkMk id="23" creationId="{F5DFDFCA-C028-0F8E-51CC-98A7A6A24994}"/>
          </ac:inkMkLst>
        </pc:inkChg>
        <pc:inkChg chg="add del mod">
          <ac:chgData name="Matias Vázquez Piñón" userId="2f86a967-3c9c-4a39-b538-7e6c0574d83d" providerId="ADAL" clId="{214B05F5-CDC9-49A7-9890-C2F0602C8542}" dt="2022-08-17T19:38:33.017" v="4026"/>
          <ac:inkMkLst>
            <pc:docMk/>
            <pc:sldMk cId="2174901691" sldId="292"/>
            <ac:inkMk id="24" creationId="{92685F6C-C97E-5414-77BB-FFB21CFE6E1B}"/>
          </ac:inkMkLst>
        </pc:inkChg>
        <pc:inkChg chg="add del mod">
          <ac:chgData name="Matias Vázquez Piñón" userId="2f86a967-3c9c-4a39-b538-7e6c0574d83d" providerId="ADAL" clId="{214B05F5-CDC9-49A7-9890-C2F0602C8542}" dt="2022-08-17T19:38:38.929" v="4033" actId="9405"/>
          <ac:inkMkLst>
            <pc:docMk/>
            <pc:sldMk cId="2174901691" sldId="292"/>
            <ac:inkMk id="26" creationId="{D69B750C-A21A-5C3F-EDA2-60CBE675AD9C}"/>
          </ac:inkMkLst>
        </pc:inkChg>
        <pc:inkChg chg="add del mod">
          <ac:chgData name="Matias Vázquez Piñón" userId="2f86a967-3c9c-4a39-b538-7e6c0574d83d" providerId="ADAL" clId="{214B05F5-CDC9-49A7-9890-C2F0602C8542}" dt="2022-08-17T19:38:38.221" v="4032"/>
          <ac:inkMkLst>
            <pc:docMk/>
            <pc:sldMk cId="2174901691" sldId="292"/>
            <ac:inkMk id="27" creationId="{A6F8F695-F06A-A690-FEBF-66BDC6E2A5A8}"/>
          </ac:inkMkLst>
        </pc:inkChg>
        <pc:inkChg chg="add del">
          <ac:chgData name="Matias Vázquez Piñón" userId="2f86a967-3c9c-4a39-b538-7e6c0574d83d" providerId="ADAL" clId="{214B05F5-CDC9-49A7-9890-C2F0602C8542}" dt="2022-08-17T19:38:45.455" v="4035" actId="9405"/>
          <ac:inkMkLst>
            <pc:docMk/>
            <pc:sldMk cId="2174901691" sldId="292"/>
            <ac:inkMk id="29" creationId="{BEBCE6EE-4EDB-D597-B7EB-7E41F8E5E7AC}"/>
          </ac:inkMkLst>
        </pc:inkChg>
        <pc:inkChg chg="add del mod">
          <ac:chgData name="Matias Vázquez Piñón" userId="2f86a967-3c9c-4a39-b538-7e6c0574d83d" providerId="ADAL" clId="{214B05F5-CDC9-49A7-9890-C2F0602C8542}" dt="2022-08-17T19:39:21.712" v="4059" actId="9405"/>
          <ac:inkMkLst>
            <pc:docMk/>
            <pc:sldMk cId="2174901691" sldId="292"/>
            <ac:inkMk id="30" creationId="{F16F04D3-E731-D77E-0750-2DD549978C5D}"/>
          </ac:inkMkLst>
        </pc:inkChg>
        <pc:inkChg chg="add del mod">
          <ac:chgData name="Matias Vázquez Piñón" userId="2f86a967-3c9c-4a39-b538-7e6c0574d83d" providerId="ADAL" clId="{214B05F5-CDC9-49A7-9890-C2F0602C8542}" dt="2022-08-17T19:39:21.290" v="4058" actId="9405"/>
          <ac:inkMkLst>
            <pc:docMk/>
            <pc:sldMk cId="2174901691" sldId="292"/>
            <ac:inkMk id="31" creationId="{044B3B79-4CC3-B69C-3BC2-F74A9EE8FC4D}"/>
          </ac:inkMkLst>
        </pc:inkChg>
        <pc:inkChg chg="add del mod">
          <ac:chgData name="Matias Vázquez Piñón" userId="2f86a967-3c9c-4a39-b538-7e6c0574d83d" providerId="ADAL" clId="{214B05F5-CDC9-49A7-9890-C2F0602C8542}" dt="2022-08-17T19:39:20.925" v="4057" actId="9405"/>
          <ac:inkMkLst>
            <pc:docMk/>
            <pc:sldMk cId="2174901691" sldId="292"/>
            <ac:inkMk id="32" creationId="{1E5AB786-4B33-F2C2-EADB-3C3D90256D84}"/>
          </ac:inkMkLst>
        </pc:inkChg>
        <pc:inkChg chg="add del mod">
          <ac:chgData name="Matias Vázquez Piñón" userId="2f86a967-3c9c-4a39-b538-7e6c0574d83d" providerId="ADAL" clId="{214B05F5-CDC9-49A7-9890-C2F0602C8542}" dt="2022-08-17T19:39:20.534" v="4056" actId="9405"/>
          <ac:inkMkLst>
            <pc:docMk/>
            <pc:sldMk cId="2174901691" sldId="292"/>
            <ac:inkMk id="33" creationId="{C19FC9F2-3CD4-B461-08E6-FA0CA92EE860}"/>
          </ac:inkMkLst>
        </pc:inkChg>
        <pc:inkChg chg="add del mod">
          <ac:chgData name="Matias Vázquez Piñón" userId="2f86a967-3c9c-4a39-b538-7e6c0574d83d" providerId="ADAL" clId="{214B05F5-CDC9-49A7-9890-C2F0602C8542}" dt="2022-08-17T19:39:20.229" v="4055" actId="9405"/>
          <ac:inkMkLst>
            <pc:docMk/>
            <pc:sldMk cId="2174901691" sldId="292"/>
            <ac:inkMk id="34" creationId="{86CF0AC0-8CCC-686B-F9A1-F495016F92F6}"/>
          </ac:inkMkLst>
        </pc:inkChg>
        <pc:inkChg chg="add del mod">
          <ac:chgData name="Matias Vázquez Piñón" userId="2f86a967-3c9c-4a39-b538-7e6c0574d83d" providerId="ADAL" clId="{214B05F5-CDC9-49A7-9890-C2F0602C8542}" dt="2022-08-17T19:39:19.963" v="4054" actId="9405"/>
          <ac:inkMkLst>
            <pc:docMk/>
            <pc:sldMk cId="2174901691" sldId="292"/>
            <ac:inkMk id="35" creationId="{3FC3AFB6-5C89-B0CF-1AF8-DF5A1CCA4F5B}"/>
          </ac:inkMkLst>
        </pc:inkChg>
        <pc:inkChg chg="add del mod">
          <ac:chgData name="Matias Vázquez Piñón" userId="2f86a967-3c9c-4a39-b538-7e6c0574d83d" providerId="ADAL" clId="{214B05F5-CDC9-49A7-9890-C2F0602C8542}" dt="2022-08-17T19:39:19.635" v="4053" actId="9405"/>
          <ac:inkMkLst>
            <pc:docMk/>
            <pc:sldMk cId="2174901691" sldId="292"/>
            <ac:inkMk id="36" creationId="{772EF084-6936-A1B6-3DB7-7A84D936E227}"/>
          </ac:inkMkLst>
        </pc:inkChg>
        <pc:inkChg chg="add del mod">
          <ac:chgData name="Matias Vázquez Piñón" userId="2f86a967-3c9c-4a39-b538-7e6c0574d83d" providerId="ADAL" clId="{214B05F5-CDC9-49A7-9890-C2F0602C8542}" dt="2022-08-17T19:39:19.253" v="4052" actId="9405"/>
          <ac:inkMkLst>
            <pc:docMk/>
            <pc:sldMk cId="2174901691" sldId="292"/>
            <ac:inkMk id="37" creationId="{E31AE500-0FC9-2681-E2CB-3ACEA4F0F185}"/>
          </ac:inkMkLst>
        </pc:inkChg>
        <pc:inkChg chg="add del mod">
          <ac:chgData name="Matias Vázquez Piñón" userId="2f86a967-3c9c-4a39-b538-7e6c0574d83d" providerId="ADAL" clId="{214B05F5-CDC9-49A7-9890-C2F0602C8542}" dt="2022-08-17T19:39:18.898" v="4051" actId="9405"/>
          <ac:inkMkLst>
            <pc:docMk/>
            <pc:sldMk cId="2174901691" sldId="292"/>
            <ac:inkMk id="38" creationId="{B7DDDC5B-2982-83B7-FDE2-B5D1F5C1B9EC}"/>
          </ac:inkMkLst>
        </pc:inkChg>
        <pc:inkChg chg="add del mod">
          <ac:chgData name="Matias Vázquez Piñón" userId="2f86a967-3c9c-4a39-b538-7e6c0574d83d" providerId="ADAL" clId="{214B05F5-CDC9-49A7-9890-C2F0602C8542}" dt="2022-08-17T19:39:18.500" v="4050" actId="9405"/>
          <ac:inkMkLst>
            <pc:docMk/>
            <pc:sldMk cId="2174901691" sldId="292"/>
            <ac:inkMk id="39" creationId="{A7F76F15-1C58-3CE0-5204-20AD8473CE09}"/>
          </ac:inkMkLst>
        </pc:inkChg>
        <pc:inkChg chg="add del mod">
          <ac:chgData name="Matias Vázquez Piñón" userId="2f86a967-3c9c-4a39-b538-7e6c0574d83d" providerId="ADAL" clId="{214B05F5-CDC9-49A7-9890-C2F0602C8542}" dt="2022-08-17T19:39:17.989" v="4049"/>
          <ac:inkMkLst>
            <pc:docMk/>
            <pc:sldMk cId="2174901691" sldId="292"/>
            <ac:inkMk id="40" creationId="{E4418973-9E2B-A7C0-8914-6D1E922301C6}"/>
          </ac:inkMkLst>
        </pc:inkChg>
        <pc:inkChg chg="add del">
          <ac:chgData name="Matias Vázquez Piñón" userId="2f86a967-3c9c-4a39-b538-7e6c0574d83d" providerId="ADAL" clId="{214B05F5-CDC9-49A7-9890-C2F0602C8542}" dt="2022-08-17T19:39:36.702" v="4064" actId="478"/>
          <ac:inkMkLst>
            <pc:docMk/>
            <pc:sldMk cId="2174901691" sldId="292"/>
            <ac:inkMk id="42" creationId="{4567E23F-7793-67B7-110F-79ADADCA6F34}"/>
          </ac:inkMkLst>
        </pc:inkChg>
        <pc:inkChg chg="add mod">
          <ac:chgData name="Matias Vázquez Piñón" userId="2f86a967-3c9c-4a39-b538-7e6c0574d83d" providerId="ADAL" clId="{214B05F5-CDC9-49A7-9890-C2F0602C8542}" dt="2022-08-17T19:39:34.968" v="4063"/>
          <ac:inkMkLst>
            <pc:docMk/>
            <pc:sldMk cId="2174901691" sldId="292"/>
            <ac:inkMk id="43" creationId="{90EE4304-2A46-1CEB-80EB-9E851FB6D5E0}"/>
          </ac:inkMkLst>
        </pc:inkChg>
        <pc:inkChg chg="add mod">
          <ac:chgData name="Matias Vázquez Piñón" userId="2f86a967-3c9c-4a39-b538-7e6c0574d83d" providerId="ADAL" clId="{214B05F5-CDC9-49A7-9890-C2F0602C8542}" dt="2022-08-17T19:39:34.968" v="4063"/>
          <ac:inkMkLst>
            <pc:docMk/>
            <pc:sldMk cId="2174901691" sldId="292"/>
            <ac:inkMk id="44" creationId="{CCB0F8F6-CD40-E822-BDE0-2853F3D8E55E}"/>
          </ac:inkMkLst>
        </pc:inkChg>
      </pc:sldChg>
      <pc:sldChg chg="addSp delSp modSp new mod">
        <pc:chgData name="Matias Vázquez Piñón" userId="2f86a967-3c9c-4a39-b538-7e6c0574d83d" providerId="ADAL" clId="{214B05F5-CDC9-49A7-9890-C2F0602C8542}" dt="2022-08-19T18:45:49.534" v="4823" actId="1076"/>
        <pc:sldMkLst>
          <pc:docMk/>
          <pc:sldMk cId="458490763" sldId="293"/>
        </pc:sldMkLst>
        <pc:spChg chg="mod">
          <ac:chgData name="Matias Vázquez Piñón" userId="2f86a967-3c9c-4a39-b538-7e6c0574d83d" providerId="ADAL" clId="{214B05F5-CDC9-49A7-9890-C2F0602C8542}" dt="2022-08-17T20:05:49.089" v="4159" actId="20577"/>
          <ac:spMkLst>
            <pc:docMk/>
            <pc:sldMk cId="458490763" sldId="293"/>
            <ac:spMk id="2" creationId="{6F4D1C85-92E6-E31C-8F46-D290AE28BF82}"/>
          </ac:spMkLst>
        </pc:spChg>
        <pc:spChg chg="del">
          <ac:chgData name="Matias Vázquez Piñón" userId="2f86a967-3c9c-4a39-b538-7e6c0574d83d" providerId="ADAL" clId="{214B05F5-CDC9-49A7-9890-C2F0602C8542}" dt="2022-08-17T20:05:05.136" v="4120" actId="22"/>
          <ac:spMkLst>
            <pc:docMk/>
            <pc:sldMk cId="458490763" sldId="293"/>
            <ac:spMk id="3" creationId="{16CAB977-02B3-7AA0-1256-724986DE772A}"/>
          </ac:spMkLst>
        </pc:spChg>
        <pc:spChg chg="add del mod">
          <ac:chgData name="Matias Vázquez Piñón" userId="2f86a967-3c9c-4a39-b538-7e6c0574d83d" providerId="ADAL" clId="{214B05F5-CDC9-49A7-9890-C2F0602C8542}" dt="2022-08-17T20:12:49.399" v="4579" actId="22"/>
          <ac:spMkLst>
            <pc:docMk/>
            <pc:sldMk cId="458490763" sldId="293"/>
            <ac:spMk id="4" creationId="{8BEC1CDA-D7D7-B029-FF4D-14DE639C95C3}"/>
          </ac:spMkLst>
        </pc:spChg>
        <pc:spChg chg="add mod">
          <ac:chgData name="Matias Vázquez Piñón" userId="2f86a967-3c9c-4a39-b538-7e6c0574d83d" providerId="ADAL" clId="{214B05F5-CDC9-49A7-9890-C2F0602C8542}" dt="2022-08-19T18:43:27.340" v="4822" actId="20577"/>
          <ac:spMkLst>
            <pc:docMk/>
            <pc:sldMk cId="458490763" sldId="293"/>
            <ac:spMk id="10" creationId="{69FB9E97-0014-4342-81E3-C862180A5901}"/>
          </ac:spMkLst>
        </pc:spChg>
        <pc:picChg chg="add del mod ord">
          <ac:chgData name="Matias Vázquez Piñón" userId="2f86a967-3c9c-4a39-b538-7e6c0574d83d" providerId="ADAL" clId="{214B05F5-CDC9-49A7-9890-C2F0602C8542}" dt="2022-08-17T20:05:03.906" v="4119" actId="22"/>
          <ac:picMkLst>
            <pc:docMk/>
            <pc:sldMk cId="458490763" sldId="293"/>
            <ac:picMk id="7" creationId="{D6D43A4D-3121-6179-F648-EB48D76A35AE}"/>
          </ac:picMkLst>
        </pc:picChg>
        <pc:picChg chg="add del mod ord">
          <ac:chgData name="Matias Vázquez Piñón" userId="2f86a967-3c9c-4a39-b538-7e6c0574d83d" providerId="ADAL" clId="{214B05F5-CDC9-49A7-9890-C2F0602C8542}" dt="2022-08-17T20:12:16.282" v="4576" actId="478"/>
          <ac:picMkLst>
            <pc:docMk/>
            <pc:sldMk cId="458490763" sldId="293"/>
            <ac:picMk id="9" creationId="{E25432B3-6901-1FBE-B62B-FA4C5F2C58CA}"/>
          </ac:picMkLst>
        </pc:picChg>
        <pc:picChg chg="add mod ord">
          <ac:chgData name="Matias Vázquez Piñón" userId="2f86a967-3c9c-4a39-b538-7e6c0574d83d" providerId="ADAL" clId="{214B05F5-CDC9-49A7-9890-C2F0602C8542}" dt="2022-08-17T20:15:38.285" v="4598" actId="1076"/>
          <ac:picMkLst>
            <pc:docMk/>
            <pc:sldMk cId="458490763" sldId="293"/>
            <ac:picMk id="12" creationId="{DAD7C934-2BAC-C627-6E29-B0454AD50DE0}"/>
          </ac:picMkLst>
        </pc:picChg>
        <pc:picChg chg="add mod">
          <ac:chgData name="Matias Vázquez Piñón" userId="2f86a967-3c9c-4a39-b538-7e6c0574d83d" providerId="ADAL" clId="{214B05F5-CDC9-49A7-9890-C2F0602C8542}" dt="2022-08-17T20:16:44.540" v="4611" actId="1076"/>
          <ac:picMkLst>
            <pc:docMk/>
            <pc:sldMk cId="458490763" sldId="293"/>
            <ac:picMk id="14" creationId="{C21FF47B-73DA-89A3-05F9-7E9842A903BC}"/>
          </ac:picMkLst>
        </pc:picChg>
        <pc:picChg chg="add mod">
          <ac:chgData name="Matias Vázquez Piñón" userId="2f86a967-3c9c-4a39-b538-7e6c0574d83d" providerId="ADAL" clId="{214B05F5-CDC9-49A7-9890-C2F0602C8542}" dt="2022-08-19T18:45:49.534" v="4823" actId="1076"/>
          <ac:picMkLst>
            <pc:docMk/>
            <pc:sldMk cId="458490763" sldId="293"/>
            <ac:picMk id="16" creationId="{88016798-70F0-99FF-A7CF-DF37D17E171F}"/>
          </ac:picMkLst>
        </pc:picChg>
        <pc:picChg chg="add mod">
          <ac:chgData name="Matias Vázquez Piñón" userId="2f86a967-3c9c-4a39-b538-7e6c0574d83d" providerId="ADAL" clId="{214B05F5-CDC9-49A7-9890-C2F0602C8542}" dt="2022-08-17T20:16:20.113" v="4604" actId="14100"/>
          <ac:picMkLst>
            <pc:docMk/>
            <pc:sldMk cId="458490763" sldId="293"/>
            <ac:picMk id="18" creationId="{76CDAA89-1332-FFB0-5E39-313575AB88E5}"/>
          </ac:picMkLst>
        </pc:picChg>
        <pc:picChg chg="add mod">
          <ac:chgData name="Matias Vázquez Piñón" userId="2f86a967-3c9c-4a39-b538-7e6c0574d83d" providerId="ADAL" clId="{214B05F5-CDC9-49A7-9890-C2F0602C8542}" dt="2022-08-17T20:16:37.156" v="4607" actId="1076"/>
          <ac:picMkLst>
            <pc:docMk/>
            <pc:sldMk cId="458490763" sldId="293"/>
            <ac:picMk id="20" creationId="{363F005B-9421-C898-04F7-6F3B07764310}"/>
          </ac:picMkLst>
        </pc:picChg>
      </pc:sldChg>
      <pc:sldChg chg="addSp delSp modSp new del mod">
        <pc:chgData name="Matias Vázquez Piñón" userId="2f86a967-3c9c-4a39-b538-7e6c0574d83d" providerId="ADAL" clId="{214B05F5-CDC9-49A7-9890-C2F0602C8542}" dt="2022-08-19T18:30:25.967" v="4736" actId="47"/>
        <pc:sldMkLst>
          <pc:docMk/>
          <pc:sldMk cId="474326173" sldId="294"/>
        </pc:sldMkLst>
        <pc:spChg chg="del">
          <ac:chgData name="Matias Vázquez Piñón" userId="2f86a967-3c9c-4a39-b538-7e6c0574d83d" providerId="ADAL" clId="{214B05F5-CDC9-49A7-9890-C2F0602C8542}" dt="2022-08-19T18:29:10.512" v="4687" actId="478"/>
          <ac:spMkLst>
            <pc:docMk/>
            <pc:sldMk cId="474326173" sldId="294"/>
            <ac:spMk id="2" creationId="{9B576DD8-B15C-C772-0E62-EA3F551DFBAE}"/>
          </ac:spMkLst>
        </pc:spChg>
        <pc:spChg chg="del">
          <ac:chgData name="Matias Vázquez Piñón" userId="2f86a967-3c9c-4a39-b538-7e6c0574d83d" providerId="ADAL" clId="{214B05F5-CDC9-49A7-9890-C2F0602C8542}" dt="2022-08-19T18:29:09.361" v="4686" actId="478"/>
          <ac:spMkLst>
            <pc:docMk/>
            <pc:sldMk cId="474326173" sldId="294"/>
            <ac:spMk id="3" creationId="{B7D39F80-560F-0D7C-E2EF-BAE0E5C3CE89}"/>
          </ac:spMkLst>
        </pc:spChg>
        <pc:grpChg chg="del mod">
          <ac:chgData name="Matias Vázquez Piñón" userId="2f86a967-3c9c-4a39-b538-7e6c0574d83d" providerId="ADAL" clId="{214B05F5-CDC9-49A7-9890-C2F0602C8542}" dt="2022-08-19T18:29:54.859" v="4705"/>
          <ac:grpSpMkLst>
            <pc:docMk/>
            <pc:sldMk cId="474326173" sldId="294"/>
            <ac:grpSpMk id="19" creationId="{0620E78B-078B-DBDA-97B1-B6CFB6C30AAF}"/>
          </ac:grpSpMkLst>
        </pc:grpChg>
        <pc:grpChg chg="mod">
          <ac:chgData name="Matias Vázquez Piñón" userId="2f86a967-3c9c-4a39-b538-7e6c0574d83d" providerId="ADAL" clId="{214B05F5-CDC9-49A7-9890-C2F0602C8542}" dt="2022-08-19T18:29:53.496" v="4702"/>
          <ac:grpSpMkLst>
            <pc:docMk/>
            <pc:sldMk cId="474326173" sldId="294"/>
            <ac:grpSpMk id="20" creationId="{854C0B4D-8297-31B2-17A5-14F2B588DC5A}"/>
          </ac:grpSpMkLst>
        </pc:grpChg>
        <pc:grpChg chg="del mod">
          <ac:chgData name="Matias Vázquez Piñón" userId="2f86a967-3c9c-4a39-b538-7e6c0574d83d" providerId="ADAL" clId="{214B05F5-CDC9-49A7-9890-C2F0602C8542}" dt="2022-08-19T18:29:58.654" v="4711"/>
          <ac:grpSpMkLst>
            <pc:docMk/>
            <pc:sldMk cId="474326173" sldId="294"/>
            <ac:grpSpMk id="23" creationId="{48821E44-716D-5EF0-7F60-17656BF48BF6}"/>
          </ac:grpSpMkLst>
        </pc:grpChg>
        <pc:grpChg chg="mod">
          <ac:chgData name="Matias Vázquez Piñón" userId="2f86a967-3c9c-4a39-b538-7e6c0574d83d" providerId="ADAL" clId="{214B05F5-CDC9-49A7-9890-C2F0602C8542}" dt="2022-08-19T18:29:58.654" v="4711"/>
          <ac:grpSpMkLst>
            <pc:docMk/>
            <pc:sldMk cId="474326173" sldId="294"/>
            <ac:grpSpMk id="29" creationId="{F2183F43-CEEF-42D5-BFE9-310742DF1485}"/>
          </ac:grpSpMkLst>
        </pc:grpChg>
        <pc:grpChg chg="del mod">
          <ac:chgData name="Matias Vázquez Piñón" userId="2f86a967-3c9c-4a39-b538-7e6c0574d83d" providerId="ADAL" clId="{214B05F5-CDC9-49A7-9890-C2F0602C8542}" dt="2022-08-19T18:30:07.112" v="4721"/>
          <ac:grpSpMkLst>
            <pc:docMk/>
            <pc:sldMk cId="474326173" sldId="294"/>
            <ac:grpSpMk id="32" creationId="{06721BE5-6246-FE50-316A-F09837535707}"/>
          </ac:grpSpMkLst>
        </pc:grpChg>
        <pc:grpChg chg="mod">
          <ac:chgData name="Matias Vázquez Piñón" userId="2f86a967-3c9c-4a39-b538-7e6c0574d83d" providerId="ADAL" clId="{214B05F5-CDC9-49A7-9890-C2F0602C8542}" dt="2022-08-19T18:30:07.112" v="4721"/>
          <ac:grpSpMkLst>
            <pc:docMk/>
            <pc:sldMk cId="474326173" sldId="294"/>
            <ac:grpSpMk id="39" creationId="{419F9529-006D-4F43-87CB-3324EBCA5A87}"/>
          </ac:grpSpMkLst>
        </pc:grpChg>
        <pc:grpChg chg="mod">
          <ac:chgData name="Matias Vázquez Piñón" userId="2f86a967-3c9c-4a39-b538-7e6c0574d83d" providerId="ADAL" clId="{214B05F5-CDC9-49A7-9890-C2F0602C8542}" dt="2022-08-19T18:30:13.061" v="4728"/>
          <ac:grpSpMkLst>
            <pc:docMk/>
            <pc:sldMk cId="474326173" sldId="294"/>
            <ac:grpSpMk id="46" creationId="{1DAF0F0D-B2F5-2CE1-204B-B71BA8D858C8}"/>
          </ac:grpSpMkLst>
        </pc:grpChg>
        <pc:grpChg chg="mod">
          <ac:chgData name="Matias Vázquez Piñón" userId="2f86a967-3c9c-4a39-b538-7e6c0574d83d" providerId="ADAL" clId="{214B05F5-CDC9-49A7-9890-C2F0602C8542}" dt="2022-08-19T18:30:17.017" v="4735"/>
          <ac:grpSpMkLst>
            <pc:docMk/>
            <pc:sldMk cId="474326173" sldId="294"/>
            <ac:grpSpMk id="53" creationId="{D1967E3F-B215-66E8-67E4-A3447B376CBA}"/>
          </ac:grpSpMkLst>
        </pc:grp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5" creationId="{24E7B3CC-4A6C-4E07-EAC3-4731E67FEB9C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6" creationId="{42D2E33B-7B65-AA37-513E-2476FABEC8DB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7" creationId="{1F4007FA-B349-4C80-FEF8-D27F32ADC674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8" creationId="{36CF0FDF-9F86-8F71-F0CF-48ACADFF0EAA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9" creationId="{26851FE1-110E-A306-430F-003C07C19238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10" creationId="{D33C4518-8E23-F89E-0C9A-8CDA9F95ABCA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11" creationId="{B1582245-BCC6-ADAA-7E70-9AD154C1BFAF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2" creationId="{3ECAD2C7-D1B5-2A15-D914-A97A6AEB8667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3" creationId="{5DB7DCFC-5A9A-9E7C-0834-B1659A797FA6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4" creationId="{49E2188A-5A96-5B85-C5F2-F6F555ADEFCA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5" creationId="{0C8A04BF-DB89-71CB-D704-76C3F623E618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6" creationId="{7691F161-BEAD-F7DA-A288-C5398E03B55F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7" creationId="{C2BE81F1-57E1-16E7-160F-47BFE6439A5C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8" creationId="{A2DACB6A-0692-1418-8317-7BAC07AC47AE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1" creationId="{A38266DD-9939-943B-BB54-3844514FC3F8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2" creationId="{ABEDF662-F917-9DD5-3E19-B05914957FD0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4" creationId="{F9CCD375-2D16-F751-7515-7B4458B970AA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5" creationId="{43BCD6C7-CC5C-4192-98B8-33B82D33BF1B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6" creationId="{1BC69FEE-7CED-0062-F484-36669AEEDC36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7" creationId="{5AAFD369-6C09-DDFE-CDCD-F359013C5610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8" creationId="{473A0CC8-9D42-19F2-5089-3E2A108719FC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0" creationId="{156C2C19-A429-755D-EA01-521796DF5968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1" creationId="{B2C036F3-A63E-8058-1190-9BFD87972987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3" creationId="{0343F52F-9841-A4A1-DF62-A667AF8C2EA1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4" creationId="{33D8E1F4-04C5-39EA-4747-B60BAF5DBB5E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5" creationId="{A2B41B2C-9722-C8F9-5EEE-0613405F553E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6" creationId="{92953703-138A-7829-CB65-68E0A871AFF9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7" creationId="{7E0E4884-FBB4-63FC-7D14-79C278AF1CB9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8" creationId="{80202611-9023-3465-5137-29B6069ADEE6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0" creationId="{E8E2668A-9398-4BA9-EEE5-423530C1D504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1" creationId="{0A0F77CD-C905-DA62-087F-490DF71DAB15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2" creationId="{4B81A154-503A-9A4E-4AB5-C3D57B7E2265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3" creationId="{CC4DE171-7F6D-EE29-865A-F61A17C1DEE7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4" creationId="{F62D7E4A-9C52-620F-65EA-42A14D8DF74E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5" creationId="{E5673824-E1E1-9935-22B9-F4F9B3DDDD11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47" creationId="{0696332C-BB6D-6FF3-9EDF-70133A1AD3DD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48" creationId="{021A0B23-762F-925C-BA3C-3DC5858F5931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49" creationId="{A79B9662-F137-FE08-3AD0-DC7A605CA27C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50" creationId="{AD91F27A-C02F-3C32-521F-69C81FF64EB4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51" creationId="{E1B17BB3-30F4-2205-4107-73371B27051B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52" creationId="{DC662A02-E51C-5F6B-DE07-A6DB6D1D369F}"/>
          </ac:inkMkLst>
        </pc:inkChg>
      </pc:sldChg>
      <pc:sldChg chg="addSp delSp modSp new del mod">
        <pc:chgData name="Matias Vázquez Piñón" userId="2f86a967-3c9c-4a39-b538-7e6c0574d83d" providerId="ADAL" clId="{214B05F5-CDC9-49A7-9890-C2F0602C8542}" dt="2022-08-17T20:24:39.677" v="4670" actId="47"/>
        <pc:sldMkLst>
          <pc:docMk/>
          <pc:sldMk cId="1019996486" sldId="294"/>
        </pc:sldMkLst>
        <pc:spChg chg="mod">
          <ac:chgData name="Matias Vázquez Piñón" userId="2f86a967-3c9c-4a39-b538-7e6c0574d83d" providerId="ADAL" clId="{214B05F5-CDC9-49A7-9890-C2F0602C8542}" dt="2022-08-17T20:17:16.786" v="4613"/>
          <ac:spMkLst>
            <pc:docMk/>
            <pc:sldMk cId="1019996486" sldId="294"/>
            <ac:spMk id="2" creationId="{B0083F00-0031-2DF4-7C55-53579CCEEE1D}"/>
          </ac:spMkLst>
        </pc:spChg>
        <pc:spChg chg="mod">
          <ac:chgData name="Matias Vázquez Piñón" userId="2f86a967-3c9c-4a39-b538-7e6c0574d83d" providerId="ADAL" clId="{214B05F5-CDC9-49A7-9890-C2F0602C8542}" dt="2022-08-17T20:17:52.847" v="4663" actId="20577"/>
          <ac:spMkLst>
            <pc:docMk/>
            <pc:sldMk cId="1019996486" sldId="294"/>
            <ac:spMk id="3" creationId="{25BE65EB-FA00-0B8F-4D00-2B41E75D5074}"/>
          </ac:spMkLst>
        </pc:spChg>
        <pc:spChg chg="del">
          <ac:chgData name="Matias Vázquez Piñón" userId="2f86a967-3c9c-4a39-b538-7e6c0574d83d" providerId="ADAL" clId="{214B05F5-CDC9-49A7-9890-C2F0602C8542}" dt="2022-08-17T20:23:22.453" v="4664" actId="22"/>
          <ac:spMkLst>
            <pc:docMk/>
            <pc:sldMk cId="1019996486" sldId="294"/>
            <ac:spMk id="4" creationId="{0EBCFDDE-D1EE-08A2-C184-ED3648C0D8F8}"/>
          </ac:spMkLst>
        </pc:spChg>
        <pc:spChg chg="add mod">
          <ac:chgData name="Matias Vázquez Piñón" userId="2f86a967-3c9c-4a39-b538-7e6c0574d83d" providerId="ADAL" clId="{214B05F5-CDC9-49A7-9890-C2F0602C8542}" dt="2022-08-17T20:23:37.664" v="4665" actId="478"/>
          <ac:spMkLst>
            <pc:docMk/>
            <pc:sldMk cId="1019996486" sldId="294"/>
            <ac:spMk id="8" creationId="{C9CF7A0A-5EDE-C540-3960-9700FA748B21}"/>
          </ac:spMkLst>
        </pc:spChg>
        <pc:picChg chg="add del mod ord">
          <ac:chgData name="Matias Vázquez Piñón" userId="2f86a967-3c9c-4a39-b538-7e6c0574d83d" providerId="ADAL" clId="{214B05F5-CDC9-49A7-9890-C2F0602C8542}" dt="2022-08-17T20:23:37.664" v="4665" actId="478"/>
          <ac:picMkLst>
            <pc:docMk/>
            <pc:sldMk cId="1019996486" sldId="294"/>
            <ac:picMk id="7" creationId="{4CEC0553-5A05-DA5F-B982-984E0F0A5AC0}"/>
          </ac:picMkLst>
        </pc:picChg>
      </pc:sldChg>
      <pc:sldChg chg="add">
        <pc:chgData name="Matias Vázquez Piñón" userId="2f86a967-3c9c-4a39-b538-7e6c0574d83d" providerId="ADAL" clId="{214B05F5-CDC9-49A7-9890-C2F0602C8542}" dt="2022-08-19T19:01:27.358" v="4824" actId="2890"/>
        <pc:sldMkLst>
          <pc:docMk/>
          <pc:sldMk cId="1977261174" sldId="294"/>
        </pc:sldMkLst>
      </pc:sldChg>
      <pc:sldChg chg="addSp delSp modSp new mod chgLayout">
        <pc:chgData name="Matias Vázquez Piñón" userId="2f86a967-3c9c-4a39-b538-7e6c0574d83d" providerId="ADAL" clId="{214B05F5-CDC9-49A7-9890-C2F0602C8542}" dt="2022-08-19T21:16:17.019" v="4876" actId="20577"/>
        <pc:sldMkLst>
          <pc:docMk/>
          <pc:sldMk cId="2473330086" sldId="295"/>
        </pc:sldMkLst>
        <pc:spChg chg="del mod ord">
          <ac:chgData name="Matias Vázquez Piñón" userId="2f86a967-3c9c-4a39-b538-7e6c0574d83d" providerId="ADAL" clId="{214B05F5-CDC9-49A7-9890-C2F0602C8542}" dt="2022-08-19T21:16:02.655" v="4826" actId="700"/>
          <ac:spMkLst>
            <pc:docMk/>
            <pc:sldMk cId="2473330086" sldId="295"/>
            <ac:spMk id="2" creationId="{32677727-068A-F2C9-B664-D91FB2E1284A}"/>
          </ac:spMkLst>
        </pc:spChg>
        <pc:spChg chg="del mod ord">
          <ac:chgData name="Matias Vázquez Piñón" userId="2f86a967-3c9c-4a39-b538-7e6c0574d83d" providerId="ADAL" clId="{214B05F5-CDC9-49A7-9890-C2F0602C8542}" dt="2022-08-19T21:16:02.655" v="4826" actId="700"/>
          <ac:spMkLst>
            <pc:docMk/>
            <pc:sldMk cId="2473330086" sldId="295"/>
            <ac:spMk id="3" creationId="{310E2BE7-FF66-A5D0-DB6E-6DB16E7EB3EE}"/>
          </ac:spMkLst>
        </pc:spChg>
        <pc:spChg chg="del">
          <ac:chgData name="Matias Vázquez Piñón" userId="2f86a967-3c9c-4a39-b538-7e6c0574d83d" providerId="ADAL" clId="{214B05F5-CDC9-49A7-9890-C2F0602C8542}" dt="2022-08-19T21:16:02.655" v="4826" actId="700"/>
          <ac:spMkLst>
            <pc:docMk/>
            <pc:sldMk cId="2473330086" sldId="295"/>
            <ac:spMk id="4" creationId="{C6607A42-F7FB-536E-8189-9F61D20C9FA3}"/>
          </ac:spMkLst>
        </pc:spChg>
        <pc:spChg chg="mod ord">
          <ac:chgData name="Matias Vázquez Piñón" userId="2f86a967-3c9c-4a39-b538-7e6c0574d83d" providerId="ADAL" clId="{214B05F5-CDC9-49A7-9890-C2F0602C8542}" dt="2022-08-19T21:16:02.655" v="4826" actId="700"/>
          <ac:spMkLst>
            <pc:docMk/>
            <pc:sldMk cId="2473330086" sldId="295"/>
            <ac:spMk id="5" creationId="{3CE86259-A478-FA8D-018D-21501FFD6FD6}"/>
          </ac:spMkLst>
        </pc:spChg>
        <pc:spChg chg="add mod ord">
          <ac:chgData name="Matias Vázquez Piñón" userId="2f86a967-3c9c-4a39-b538-7e6c0574d83d" providerId="ADAL" clId="{214B05F5-CDC9-49A7-9890-C2F0602C8542}" dt="2022-08-19T21:16:07.310" v="4843" actId="20577"/>
          <ac:spMkLst>
            <pc:docMk/>
            <pc:sldMk cId="2473330086" sldId="295"/>
            <ac:spMk id="6" creationId="{34007F3E-9AAC-1E56-D590-855686936CCD}"/>
          </ac:spMkLst>
        </pc:spChg>
        <pc:spChg chg="add mod ord">
          <ac:chgData name="Matias Vázquez Piñón" userId="2f86a967-3c9c-4a39-b538-7e6c0574d83d" providerId="ADAL" clId="{214B05F5-CDC9-49A7-9890-C2F0602C8542}" dt="2022-08-19T21:16:17.019" v="4876" actId="20577"/>
          <ac:spMkLst>
            <pc:docMk/>
            <pc:sldMk cId="2473330086" sldId="295"/>
            <ac:spMk id="7" creationId="{7ABD9E20-3E63-2A06-A278-DD3FCB5BA0AC}"/>
          </ac:spMkLst>
        </pc:spChg>
      </pc:sldChg>
      <pc:sldChg chg="addSp delSp modSp del mod">
        <pc:chgData name="Matias Vázquez Piñón" userId="2f86a967-3c9c-4a39-b538-7e6c0574d83d" providerId="ADAL" clId="{214B05F5-CDC9-49A7-9890-C2F0602C8542}" dt="2022-08-23T18:28:50.214" v="5277" actId="47"/>
        <pc:sldMkLst>
          <pc:docMk/>
          <pc:sldMk cId="3451113877" sldId="296"/>
        </pc:sldMkLst>
        <pc:spChg chg="add del mod">
          <ac:chgData name="Matias Vázquez Piñón" userId="2f86a967-3c9c-4a39-b538-7e6c0574d83d" providerId="ADAL" clId="{214B05F5-CDC9-49A7-9890-C2F0602C8542}" dt="2022-08-23T18:02:18.461" v="4894"/>
          <ac:spMkLst>
            <pc:docMk/>
            <pc:sldMk cId="3451113877" sldId="296"/>
            <ac:spMk id="2" creationId="{39810AC8-3838-EFCE-EFBC-20DB9A23566C}"/>
          </ac:spMkLst>
        </pc:spChg>
        <pc:spChg chg="add del mod ord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3" creationId="{55E8227E-A43D-42C5-E16D-A576BAD3AB17}"/>
          </ac:spMkLst>
        </pc:spChg>
        <pc:spChg chg="add del mod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4" creationId="{2D8D0DE9-7CEA-13E3-3B54-9CA4FB4A597B}"/>
          </ac:spMkLst>
        </pc:spChg>
        <pc:spChg chg="del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13" creationId="{A058E5B6-3673-9FA4-24CE-46D23A704174}"/>
          </ac:spMkLst>
        </pc:spChg>
        <pc:spChg chg="del">
          <ac:chgData name="Matias Vázquez Piñón" userId="2f86a967-3c9c-4a39-b538-7e6c0574d83d" providerId="ADAL" clId="{214B05F5-CDC9-49A7-9890-C2F0602C8542}" dt="2022-08-23T17:44:15.215" v="4879" actId="478"/>
          <ac:spMkLst>
            <pc:docMk/>
            <pc:sldMk cId="3451113877" sldId="296"/>
            <ac:spMk id="34" creationId="{BAEC474E-ADBA-F582-3F66-9DEF53389C66}"/>
          </ac:spMkLst>
        </pc:spChg>
        <pc:spChg chg="add del mod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256" creationId="{F5A421DC-713F-0BDA-DC0A-36F8001A4405}"/>
          </ac:spMkLst>
        </pc:spChg>
        <pc:spChg chg="add del mod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258" creationId="{B098AD61-26D7-E112-DF3D-6FAFFE4AF303}"/>
          </ac:spMkLst>
        </pc:spChg>
        <pc:spChg chg="add del mod">
          <ac:chgData name="Matias Vázquez Piñón" userId="2f86a967-3c9c-4a39-b538-7e6c0574d83d" providerId="ADAL" clId="{214B05F5-CDC9-49A7-9890-C2F0602C8542}" dt="2022-08-23T18:11:33.908" v="5023" actId="478"/>
          <ac:spMkLst>
            <pc:docMk/>
            <pc:sldMk cId="3451113877" sldId="296"/>
            <ac:spMk id="265" creationId="{D478D068-7134-D704-8FE6-4ED22B4C2F81}"/>
          </ac:spMkLst>
        </pc:spChg>
        <pc:spChg chg="add del mod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266" creationId="{4ABA6259-835A-1000-4B83-5E8067EBA90D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69" creationId="{F67EFD00-F9D4-F404-0E9A-ED2F43C53B5D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70" creationId="{C0F2AE5C-47E0-F44D-6C86-3933BC880DA0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73" creationId="{D1EE0C9C-840A-101A-8CDA-5FB9ECE02030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74" creationId="{6789E954-AAF0-5A44-F8DA-071615DF80E7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76" creationId="{A4B8C54A-2590-CCAE-9974-0B9AE0352396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77" creationId="{8745BFDC-C192-1502-C780-20D4E0192468}"/>
          </ac:spMkLst>
        </pc:spChg>
        <pc:spChg chg="add del mod">
          <ac:chgData name="Matias Vázquez Piñón" userId="2f86a967-3c9c-4a39-b538-7e6c0574d83d" providerId="ADAL" clId="{214B05F5-CDC9-49A7-9890-C2F0602C8542}" dt="2022-08-23T18:17:37.175" v="5078"/>
          <ac:spMkLst>
            <pc:docMk/>
            <pc:sldMk cId="3451113877" sldId="296"/>
            <ac:spMk id="278" creationId="{474152D1-7554-0507-8053-D0EEA5DAB4BF}"/>
          </ac:spMkLst>
        </pc:spChg>
        <pc:grpChg chg="del">
          <ac:chgData name="Matias Vázquez Piñón" userId="2f86a967-3c9c-4a39-b538-7e6c0574d83d" providerId="ADAL" clId="{214B05F5-CDC9-49A7-9890-C2F0602C8542}" dt="2022-08-23T17:44:13.710" v="4878" actId="478"/>
          <ac:grpSpMkLst>
            <pc:docMk/>
            <pc:sldMk cId="3451113877" sldId="296"/>
            <ac:grpSpMk id="28" creationId="{861D5FB5-ABFB-6455-BE36-112EDF190FC5}"/>
          </ac:grpSpMkLst>
        </pc:grpChg>
        <pc:grpChg chg="del">
          <ac:chgData name="Matias Vázquez Piñón" userId="2f86a967-3c9c-4a39-b538-7e6c0574d83d" providerId="ADAL" clId="{214B05F5-CDC9-49A7-9890-C2F0602C8542}" dt="2022-08-23T17:44:11.737" v="4877" actId="478"/>
          <ac:grpSpMkLst>
            <pc:docMk/>
            <pc:sldMk cId="3451113877" sldId="296"/>
            <ac:grpSpMk id="31" creationId="{829E8DFF-03D3-8671-5F53-284A396258F3}"/>
          </ac:grpSpMkLst>
        </pc:grpChg>
        <pc:grpChg chg="add del mod">
          <ac:chgData name="Matias Vázquez Piñón" userId="2f86a967-3c9c-4a39-b538-7e6c0574d83d" providerId="ADAL" clId="{214B05F5-CDC9-49A7-9890-C2F0602C8542}" dt="2022-08-23T18:17:35.633" v="5076" actId="478"/>
          <ac:grpSpMkLst>
            <pc:docMk/>
            <pc:sldMk cId="3451113877" sldId="296"/>
            <ac:grpSpMk id="267" creationId="{DEF363BE-78CE-25B0-8EE0-6E1EF2E85555}"/>
          </ac:grpSpMkLst>
        </pc:grpChg>
        <pc:picChg chg="del">
          <ac:chgData name="Matias Vázquez Piñón" userId="2f86a967-3c9c-4a39-b538-7e6c0574d83d" providerId="ADAL" clId="{214B05F5-CDC9-49A7-9890-C2F0602C8542}" dt="2022-08-23T18:15:18.999" v="5054" actId="478"/>
          <ac:picMkLst>
            <pc:docMk/>
            <pc:sldMk cId="3451113877" sldId="296"/>
            <ac:picMk id="27" creationId="{DB966A21-301A-F029-868C-DD75802CFF4E}"/>
          </ac:picMkLst>
        </pc:picChg>
        <pc:picChg chg="mod">
          <ac:chgData name="Matias Vázquez Piñón" userId="2f86a967-3c9c-4a39-b538-7e6c0574d83d" providerId="ADAL" clId="{214B05F5-CDC9-49A7-9890-C2F0602C8542}" dt="2022-08-23T18:15:19.145" v="5055"/>
          <ac:picMkLst>
            <pc:docMk/>
            <pc:sldMk cId="3451113877" sldId="296"/>
            <ac:picMk id="268" creationId="{82F86D88-5EBD-11DD-AAA8-4C90BF41A6F8}"/>
          </ac:picMkLst>
        </pc:picChg>
        <pc:cxnChg chg="add del mod">
          <ac:chgData name="Matias Vázquez Piñón" userId="2f86a967-3c9c-4a39-b538-7e6c0574d83d" providerId="ADAL" clId="{214B05F5-CDC9-49A7-9890-C2F0602C8542}" dt="2022-08-23T18:15:18.999" v="5054" actId="478"/>
          <ac:cxnSpMkLst>
            <pc:docMk/>
            <pc:sldMk cId="3451113877" sldId="296"/>
            <ac:cxnSpMk id="9" creationId="{9C469FD2-E75D-8AB0-CB01-74BE091E76FA}"/>
          </ac:cxnSpMkLst>
        </pc:cxnChg>
        <pc:cxnChg chg="add del mod">
          <ac:chgData name="Matias Vázquez Piñón" userId="2f86a967-3c9c-4a39-b538-7e6c0574d83d" providerId="ADAL" clId="{214B05F5-CDC9-49A7-9890-C2F0602C8542}" dt="2022-08-23T18:15:18.999" v="5054" actId="478"/>
          <ac:cxnSpMkLst>
            <pc:docMk/>
            <pc:sldMk cId="3451113877" sldId="296"/>
            <ac:cxnSpMk id="11" creationId="{D28CC54C-8C64-BD2A-BC92-694E06D49488}"/>
          </ac:cxnSpMkLst>
        </pc:cxnChg>
        <pc:cxnChg chg="add del mod">
          <ac:chgData name="Matias Vázquez Piñón" userId="2f86a967-3c9c-4a39-b538-7e6c0574d83d" providerId="ADAL" clId="{214B05F5-CDC9-49A7-9890-C2F0602C8542}" dt="2022-08-23T18:15:18.999" v="5054" actId="478"/>
          <ac:cxnSpMkLst>
            <pc:docMk/>
            <pc:sldMk cId="3451113877" sldId="296"/>
            <ac:cxnSpMk id="260" creationId="{864D1AB9-7112-9D77-5D17-204BEDC34E79}"/>
          </ac:cxnSpMkLst>
        </pc:cxnChg>
        <pc:cxnChg chg="mod">
          <ac:chgData name="Matias Vázquez Piñón" userId="2f86a967-3c9c-4a39-b538-7e6c0574d83d" providerId="ADAL" clId="{214B05F5-CDC9-49A7-9890-C2F0602C8542}" dt="2022-08-23T18:15:19.145" v="5055"/>
          <ac:cxnSpMkLst>
            <pc:docMk/>
            <pc:sldMk cId="3451113877" sldId="296"/>
            <ac:cxnSpMk id="271" creationId="{C6738386-9ACB-DDA0-F442-F77D8ECA3F67}"/>
          </ac:cxnSpMkLst>
        </pc:cxnChg>
        <pc:cxnChg chg="mod">
          <ac:chgData name="Matias Vázquez Piñón" userId="2f86a967-3c9c-4a39-b538-7e6c0574d83d" providerId="ADAL" clId="{214B05F5-CDC9-49A7-9890-C2F0602C8542}" dt="2022-08-23T18:15:19.145" v="5055"/>
          <ac:cxnSpMkLst>
            <pc:docMk/>
            <pc:sldMk cId="3451113877" sldId="296"/>
            <ac:cxnSpMk id="272" creationId="{23D76C20-4CB5-583E-43C5-8D6ED0D812F0}"/>
          </ac:cxnSpMkLst>
        </pc:cxnChg>
        <pc:cxnChg chg="mod">
          <ac:chgData name="Matias Vázquez Piñón" userId="2f86a967-3c9c-4a39-b538-7e6c0574d83d" providerId="ADAL" clId="{214B05F5-CDC9-49A7-9890-C2F0602C8542}" dt="2022-08-23T18:15:19.145" v="5055"/>
          <ac:cxnSpMkLst>
            <pc:docMk/>
            <pc:sldMk cId="3451113877" sldId="296"/>
            <ac:cxnSpMk id="275" creationId="{48D46432-371C-0505-B3A5-49568970B4B1}"/>
          </ac:cxnSpMkLst>
        </pc:cxnChg>
      </pc:sldChg>
      <pc:sldChg chg="addSp delSp modSp mod">
        <pc:chgData name="Matias Vázquez Piñón" userId="2f86a967-3c9c-4a39-b538-7e6c0574d83d" providerId="ADAL" clId="{214B05F5-CDC9-49A7-9890-C2F0602C8542}" dt="2022-08-23T21:43:05.709" v="5394" actId="20577"/>
        <pc:sldMkLst>
          <pc:docMk/>
          <pc:sldMk cId="2684454245" sldId="297"/>
        </pc:sldMkLst>
        <pc:spChg chg="add mod">
          <ac:chgData name="Matias Vázquez Piñón" userId="2f86a967-3c9c-4a39-b538-7e6c0574d83d" providerId="ADAL" clId="{214B05F5-CDC9-49A7-9890-C2F0602C8542}" dt="2022-08-23T21:43:03.795" v="5392" actId="1076"/>
          <ac:spMkLst>
            <pc:docMk/>
            <pc:sldMk cId="2684454245" sldId="297"/>
            <ac:spMk id="3" creationId="{2500B4B2-BDA4-D7E1-F05E-1DBCEC4BB16F}"/>
          </ac:spMkLst>
        </pc:spChg>
        <pc:spChg chg="add mod">
          <ac:chgData name="Matias Vázquez Piñón" userId="2f86a967-3c9c-4a39-b538-7e6c0574d83d" providerId="ADAL" clId="{214B05F5-CDC9-49A7-9890-C2F0602C8542}" dt="2022-08-23T21:43:03.795" v="5392" actId="1076"/>
          <ac:spMkLst>
            <pc:docMk/>
            <pc:sldMk cId="2684454245" sldId="297"/>
            <ac:spMk id="4" creationId="{F53301B8-382F-8A26-847D-9C39BED42E2E}"/>
          </ac:spMkLst>
        </pc:spChg>
        <pc:spChg chg="mod">
          <ac:chgData name="Matias Vázquez Piñón" userId="2f86a967-3c9c-4a39-b538-7e6c0574d83d" providerId="ADAL" clId="{214B05F5-CDC9-49A7-9890-C2F0602C8542}" dt="2022-08-23T18:29:40.741" v="5325" actId="20577"/>
          <ac:spMkLst>
            <pc:docMk/>
            <pc:sldMk cId="2684454245" sldId="297"/>
            <ac:spMk id="7" creationId="{22E25C78-7D4D-A985-DD37-65537444D6F1}"/>
          </ac:spMkLst>
        </pc:spChg>
        <pc:spChg chg="add del mod">
          <ac:chgData name="Matias Vázquez Piñón" userId="2f86a967-3c9c-4a39-b538-7e6c0574d83d" providerId="ADAL" clId="{214B05F5-CDC9-49A7-9890-C2F0602C8542}" dt="2022-08-23T18:30:15.534" v="5332" actId="478"/>
          <ac:spMkLst>
            <pc:docMk/>
            <pc:sldMk cId="2684454245" sldId="297"/>
            <ac:spMk id="10" creationId="{89D7D58B-FCF4-7BAE-2E29-7E1721E2913F}"/>
          </ac:spMkLst>
        </pc:spChg>
        <pc:spChg chg="add mod">
          <ac:chgData name="Matias Vázquez Piñón" userId="2f86a967-3c9c-4a39-b538-7e6c0574d83d" providerId="ADAL" clId="{214B05F5-CDC9-49A7-9890-C2F0602C8542}" dt="2022-08-23T21:43:03.795" v="5392" actId="1076"/>
          <ac:spMkLst>
            <pc:docMk/>
            <pc:sldMk cId="2684454245" sldId="297"/>
            <ac:spMk id="11" creationId="{64A8E6DF-18F1-8E19-9630-75469594CB2C}"/>
          </ac:spMkLst>
        </pc:spChg>
        <pc:spChg chg="add del mod">
          <ac:chgData name="Matias Vázquez Piñón" userId="2f86a967-3c9c-4a39-b538-7e6c0574d83d" providerId="ADAL" clId="{214B05F5-CDC9-49A7-9890-C2F0602C8542}" dt="2022-08-23T18:30:18.516" v="5333" actId="478"/>
          <ac:spMkLst>
            <pc:docMk/>
            <pc:sldMk cId="2684454245" sldId="297"/>
            <ac:spMk id="13" creationId="{015BDF33-9530-8261-9B89-C71527DEED24}"/>
          </ac:spMkLst>
        </pc:spChg>
        <pc:spChg chg="add mod">
          <ac:chgData name="Matias Vázquez Piñón" userId="2f86a967-3c9c-4a39-b538-7e6c0574d83d" providerId="ADAL" clId="{214B05F5-CDC9-49A7-9890-C2F0602C8542}" dt="2022-08-23T21:43:03.795" v="5392" actId="1076"/>
          <ac:spMkLst>
            <pc:docMk/>
            <pc:sldMk cId="2684454245" sldId="297"/>
            <ac:spMk id="14" creationId="{1AE769BF-4751-1E41-B15E-38F448EC4DE2}"/>
          </ac:spMkLst>
        </pc:spChg>
        <pc:spChg chg="add del">
          <ac:chgData name="Matias Vázquez Piñón" userId="2f86a967-3c9c-4a39-b538-7e6c0574d83d" providerId="ADAL" clId="{214B05F5-CDC9-49A7-9890-C2F0602C8542}" dt="2022-08-23T18:14:02.186" v="5043" actId="11529"/>
          <ac:spMkLst>
            <pc:docMk/>
            <pc:sldMk cId="2684454245" sldId="297"/>
            <ac:spMk id="17" creationId="{27715A2F-A62B-9879-2172-3A1A0F78B7F8}"/>
          </ac:spMkLst>
        </pc:spChg>
        <pc:spChg chg="add del">
          <ac:chgData name="Matias Vázquez Piñón" userId="2f86a967-3c9c-4a39-b538-7e6c0574d83d" providerId="ADAL" clId="{214B05F5-CDC9-49A7-9890-C2F0602C8542}" dt="2022-08-23T18:14:11.868" v="5045" actId="478"/>
          <ac:spMkLst>
            <pc:docMk/>
            <pc:sldMk cId="2684454245" sldId="297"/>
            <ac:spMk id="18" creationId="{D9217D85-E5B3-F0DE-C6FF-71CFCD7FB80A}"/>
          </ac:spMkLst>
        </pc:spChg>
        <pc:spChg chg="add del">
          <ac:chgData name="Matias Vázquez Piñón" userId="2f86a967-3c9c-4a39-b538-7e6c0574d83d" providerId="ADAL" clId="{214B05F5-CDC9-49A7-9890-C2F0602C8542}" dt="2022-08-23T18:14:28.125" v="5047" actId="478"/>
          <ac:spMkLst>
            <pc:docMk/>
            <pc:sldMk cId="2684454245" sldId="297"/>
            <ac:spMk id="19" creationId="{7D837915-B253-B85C-1DD1-E86D91ECF8DA}"/>
          </ac:spMkLst>
        </pc:spChg>
        <pc:spChg chg="add del mod">
          <ac:chgData name="Matias Vázquez Piñón" userId="2f86a967-3c9c-4a39-b538-7e6c0574d83d" providerId="ADAL" clId="{214B05F5-CDC9-49A7-9890-C2F0602C8542}" dt="2022-08-23T18:14:47.586" v="5051" actId="478"/>
          <ac:spMkLst>
            <pc:docMk/>
            <pc:sldMk cId="2684454245" sldId="297"/>
            <ac:spMk id="20" creationId="{63FFDB03-17ED-AEA3-48C7-B838526FC56B}"/>
          </ac:spMkLst>
        </pc:spChg>
        <pc:spChg chg="add mod">
          <ac:chgData name="Matias Vázquez Piñón" userId="2f86a967-3c9c-4a39-b538-7e6c0574d83d" providerId="ADAL" clId="{214B05F5-CDC9-49A7-9890-C2F0602C8542}" dt="2022-08-23T21:43:05.709" v="5394" actId="20577"/>
          <ac:spMkLst>
            <pc:docMk/>
            <pc:sldMk cId="2684454245" sldId="297"/>
            <ac:spMk id="22" creationId="{D10EC544-9519-9436-2BAF-A0F61620C56E}"/>
          </ac:spMkLst>
        </pc:spChg>
        <pc:spChg chg="add mod">
          <ac:chgData name="Matias Vázquez Piñón" userId="2f86a967-3c9c-4a39-b538-7e6c0574d83d" providerId="ADAL" clId="{214B05F5-CDC9-49A7-9890-C2F0602C8542}" dt="2022-08-23T21:43:00.848" v="5390" actId="20577"/>
          <ac:spMkLst>
            <pc:docMk/>
            <pc:sldMk cId="2684454245" sldId="297"/>
            <ac:spMk id="23" creationId="{6E948C44-70E7-556C-E36B-92FCE691AD8D}"/>
          </ac:spMkLst>
        </pc:spChg>
        <pc:spChg chg="add del mod">
          <ac:chgData name="Matias Vázquez Piñón" userId="2f86a967-3c9c-4a39-b538-7e6c0574d83d" providerId="ADAL" clId="{214B05F5-CDC9-49A7-9890-C2F0602C8542}" dt="2022-08-23T18:19:33.629" v="5107" actId="478"/>
          <ac:spMkLst>
            <pc:docMk/>
            <pc:sldMk cId="2684454245" sldId="297"/>
            <ac:spMk id="25" creationId="{F5713E44-47AF-2B1E-58ED-0BBEB76478F2}"/>
          </ac:spMkLst>
        </pc:spChg>
        <pc:spChg chg="del">
          <ac:chgData name="Matias Vázquez Piñón" userId="2f86a967-3c9c-4a39-b538-7e6c0574d83d" providerId="ADAL" clId="{214B05F5-CDC9-49A7-9890-C2F0602C8542}" dt="2022-08-23T18:12:55.534" v="5033" actId="478"/>
          <ac:spMkLst>
            <pc:docMk/>
            <pc:sldMk cId="2684454245" sldId="297"/>
            <ac:spMk id="34" creationId="{BAEC474E-ADBA-F582-3F66-9DEF53389C66}"/>
          </ac:spMkLst>
        </pc:spChg>
        <pc:spChg chg="add mod">
          <ac:chgData name="Matias Vázquez Piñón" userId="2f86a967-3c9c-4a39-b538-7e6c0574d83d" providerId="ADAL" clId="{214B05F5-CDC9-49A7-9890-C2F0602C8542}" dt="2022-08-23T18:31:05.287" v="5353" actId="20577"/>
          <ac:spMkLst>
            <pc:docMk/>
            <pc:sldMk cId="2684454245" sldId="297"/>
            <ac:spMk id="35" creationId="{E5019D5C-3C44-8009-4349-D51001EC2126}"/>
          </ac:spMkLst>
        </pc:spChg>
        <pc:spChg chg="add mod">
          <ac:chgData name="Matias Vázquez Piñón" userId="2f86a967-3c9c-4a39-b538-7e6c0574d83d" providerId="ADAL" clId="{214B05F5-CDC9-49A7-9890-C2F0602C8542}" dt="2022-08-23T18:30:33.701" v="5339" actId="20577"/>
          <ac:spMkLst>
            <pc:docMk/>
            <pc:sldMk cId="2684454245" sldId="297"/>
            <ac:spMk id="38" creationId="{FF7A508D-4D2B-9251-DB3D-FAE563D6F6E2}"/>
          </ac:spMkLst>
        </pc:spChg>
        <pc:spChg chg="add mod">
          <ac:chgData name="Matias Vázquez Piñón" userId="2f86a967-3c9c-4a39-b538-7e6c0574d83d" providerId="ADAL" clId="{214B05F5-CDC9-49A7-9890-C2F0602C8542}" dt="2022-08-23T18:30:45.490" v="5342" actId="17032"/>
          <ac:spMkLst>
            <pc:docMk/>
            <pc:sldMk cId="2684454245" sldId="297"/>
            <ac:spMk id="39" creationId="{71A8D035-9496-9AE9-C59A-CB80CB9E3183}"/>
          </ac:spMkLst>
        </pc:spChg>
        <pc:grpChg chg="add mod">
          <ac:chgData name="Matias Vázquez Piñón" userId="2f86a967-3c9c-4a39-b538-7e6c0574d83d" providerId="ADAL" clId="{214B05F5-CDC9-49A7-9890-C2F0602C8542}" dt="2022-08-23T21:43:03.795" v="5392" actId="1076"/>
          <ac:grpSpMkLst>
            <pc:docMk/>
            <pc:sldMk cId="2684454245" sldId="297"/>
            <ac:grpSpMk id="21" creationId="{A4A5290F-D7A8-AD61-5535-7F1A93D98593}"/>
          </ac:grpSpMkLst>
        </pc:grpChg>
        <pc:grpChg chg="del">
          <ac:chgData name="Matias Vázquez Piñón" userId="2f86a967-3c9c-4a39-b538-7e6c0574d83d" providerId="ADAL" clId="{214B05F5-CDC9-49A7-9890-C2F0602C8542}" dt="2022-08-23T18:12:55.534" v="5033" actId="478"/>
          <ac:grpSpMkLst>
            <pc:docMk/>
            <pc:sldMk cId="2684454245" sldId="297"/>
            <ac:grpSpMk id="28" creationId="{861D5FB5-ABFB-6455-BE36-112EDF190FC5}"/>
          </ac:grpSpMkLst>
        </pc:grpChg>
        <pc:grpChg chg="del">
          <ac:chgData name="Matias Vázquez Piñón" userId="2f86a967-3c9c-4a39-b538-7e6c0574d83d" providerId="ADAL" clId="{214B05F5-CDC9-49A7-9890-C2F0602C8542}" dt="2022-08-23T18:12:55.534" v="5033" actId="478"/>
          <ac:grpSpMkLst>
            <pc:docMk/>
            <pc:sldMk cId="2684454245" sldId="297"/>
            <ac:grpSpMk id="31" creationId="{829E8DFF-03D3-8671-5F53-284A396258F3}"/>
          </ac:grpSpMkLst>
        </pc:grpChg>
        <pc:picChg chg="add mod">
          <ac:chgData name="Matias Vázquez Piñón" userId="2f86a967-3c9c-4a39-b538-7e6c0574d83d" providerId="ADAL" clId="{214B05F5-CDC9-49A7-9890-C2F0602C8542}" dt="2022-08-23T21:43:03.795" v="5392" actId="1076"/>
          <ac:picMkLst>
            <pc:docMk/>
            <pc:sldMk cId="2684454245" sldId="297"/>
            <ac:picMk id="2" creationId="{C40AC002-E894-5BC0-D0D9-B125DBC3CAE5}"/>
          </ac:picMkLst>
        </pc:picChg>
        <pc:picChg chg="del">
          <ac:chgData name="Matias Vázquez Piñón" userId="2f86a967-3c9c-4a39-b538-7e6c0574d83d" providerId="ADAL" clId="{214B05F5-CDC9-49A7-9890-C2F0602C8542}" dt="2022-08-23T18:12:55.534" v="5033" actId="478"/>
          <ac:picMkLst>
            <pc:docMk/>
            <pc:sldMk cId="2684454245" sldId="297"/>
            <ac:picMk id="27" creationId="{DB966A21-301A-F029-868C-DD75802CFF4E}"/>
          </ac:picMkLst>
        </pc:picChg>
        <pc:picChg chg="add del mod">
          <ac:chgData name="Matias Vázquez Piñón" userId="2f86a967-3c9c-4a39-b538-7e6c0574d83d" providerId="ADAL" clId="{214B05F5-CDC9-49A7-9890-C2F0602C8542}" dt="2022-08-23T18:27:00.248" v="5269" actId="478"/>
          <ac:picMkLst>
            <pc:docMk/>
            <pc:sldMk cId="2684454245" sldId="297"/>
            <ac:picMk id="37" creationId="{7E79B9E6-B2B5-7C0B-502A-6BB1CE357384}"/>
          </ac:picMkLst>
        </pc:picChg>
        <pc:cxnChg chg="add mod">
          <ac:chgData name="Matias Vázquez Piñón" userId="2f86a967-3c9c-4a39-b538-7e6c0574d83d" providerId="ADAL" clId="{214B05F5-CDC9-49A7-9890-C2F0602C8542}" dt="2022-08-23T21:43:03.795" v="5392" actId="1076"/>
          <ac:cxnSpMkLst>
            <pc:docMk/>
            <pc:sldMk cId="2684454245" sldId="297"/>
            <ac:cxnSpMk id="8" creationId="{75B7AD42-3B7A-319C-B340-0A8DDEFC0AE4}"/>
          </ac:cxnSpMkLst>
        </pc:cxnChg>
        <pc:cxnChg chg="add mod">
          <ac:chgData name="Matias Vázquez Piñón" userId="2f86a967-3c9c-4a39-b538-7e6c0574d83d" providerId="ADAL" clId="{214B05F5-CDC9-49A7-9890-C2F0602C8542}" dt="2022-08-23T21:43:03.795" v="5392" actId="1076"/>
          <ac:cxnSpMkLst>
            <pc:docMk/>
            <pc:sldMk cId="2684454245" sldId="297"/>
            <ac:cxnSpMk id="9" creationId="{9E8424AD-A982-B624-49BF-B2590EDD6D9D}"/>
          </ac:cxnSpMkLst>
        </pc:cxnChg>
        <pc:cxnChg chg="add mod">
          <ac:chgData name="Matias Vázquez Piñón" userId="2f86a967-3c9c-4a39-b538-7e6c0574d83d" providerId="ADAL" clId="{214B05F5-CDC9-49A7-9890-C2F0602C8542}" dt="2022-08-23T21:43:03.795" v="5392" actId="1076"/>
          <ac:cxnSpMkLst>
            <pc:docMk/>
            <pc:sldMk cId="2684454245" sldId="297"/>
            <ac:cxnSpMk id="12" creationId="{15DA2A62-1A60-A4F0-1273-C53C1E603DDB}"/>
          </ac:cxnSpMkLst>
        </pc:cxnChg>
      </pc:sldChg>
      <pc:sldChg chg="addSp delSp modSp mod">
        <pc:chgData name="Matias Vázquez Piñón" userId="2f86a967-3c9c-4a39-b538-7e6c0574d83d" providerId="ADAL" clId="{214B05F5-CDC9-49A7-9890-C2F0602C8542}" dt="2022-08-23T18:34:16.547" v="5376" actId="207"/>
        <pc:sldMkLst>
          <pc:docMk/>
          <pc:sldMk cId="1509932029" sldId="298"/>
        </pc:sldMkLst>
        <pc:spChg chg="mod">
          <ac:chgData name="Matias Vázquez Piñón" userId="2f86a967-3c9c-4a39-b538-7e6c0574d83d" providerId="ADAL" clId="{214B05F5-CDC9-49A7-9890-C2F0602C8542}" dt="2022-08-23T18:34:16.547" v="5376" actId="207"/>
          <ac:spMkLst>
            <pc:docMk/>
            <pc:sldMk cId="1509932029" sldId="298"/>
            <ac:spMk id="4" creationId="{5E976D3D-84C2-A052-441A-7AA8EEA16F93}"/>
          </ac:spMkLst>
        </pc:spChg>
        <pc:spChg chg="add del mod">
          <ac:chgData name="Matias Vázquez Piñón" userId="2f86a967-3c9c-4a39-b538-7e6c0574d83d" providerId="ADAL" clId="{214B05F5-CDC9-49A7-9890-C2F0602C8542}" dt="2022-08-23T18:32:55.715" v="5357" actId="767"/>
          <ac:spMkLst>
            <pc:docMk/>
            <pc:sldMk cId="1509932029" sldId="298"/>
            <ac:spMk id="5" creationId="{068C3C13-E98E-EF38-C728-69FE10CDEBD1}"/>
          </ac:spMkLst>
        </pc:spChg>
      </pc:sldChg>
      <pc:sldChg chg="modSp mod">
        <pc:chgData name="Matias Vázquez Piñón" userId="2f86a967-3c9c-4a39-b538-7e6c0574d83d" providerId="ADAL" clId="{214B05F5-CDC9-49A7-9890-C2F0602C8542}" dt="2022-08-23T18:36:08.874" v="5388" actId="12269"/>
        <pc:sldMkLst>
          <pc:docMk/>
          <pc:sldMk cId="2756905196" sldId="299"/>
        </pc:sldMkLst>
        <pc:graphicFrameChg chg="mod">
          <ac:chgData name="Matias Vázquez Piñón" userId="2f86a967-3c9c-4a39-b538-7e6c0574d83d" providerId="ADAL" clId="{214B05F5-CDC9-49A7-9890-C2F0602C8542}" dt="2022-08-23T18:36:08.874" v="5388" actId="12269"/>
          <ac:graphicFrameMkLst>
            <pc:docMk/>
            <pc:sldMk cId="2756905196" sldId="299"/>
            <ac:graphicFrameMk id="11" creationId="{8FEFF800-6F9A-0555-AA31-B91718800635}"/>
          </ac:graphicFrameMkLst>
        </pc:graphicFrameChg>
        <pc:graphicFrameChg chg="mod">
          <ac:chgData name="Matias Vázquez Piñón" userId="2f86a967-3c9c-4a39-b538-7e6c0574d83d" providerId="ADAL" clId="{214B05F5-CDC9-49A7-9890-C2F0602C8542}" dt="2022-08-23T18:34:51.275" v="5386" actId="1036"/>
          <ac:graphicFrameMkLst>
            <pc:docMk/>
            <pc:sldMk cId="2756905196" sldId="299"/>
            <ac:graphicFrameMk id="12" creationId="{096B2C6C-19A7-A943-7B5B-57C0D7C288BE}"/>
          </ac:graphicFrameMkLst>
        </pc:graphicFrameChg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C1643A3D-FC67-4019-A822-4AEF80F2888F}" type="doc">
      <dgm:prSet loTypeId="urn:microsoft.com/office/officeart/2005/8/layout/architecture" loCatId="hierarchy" qsTypeId="urn:microsoft.com/office/officeart/2005/8/quickstyle/simple4" qsCatId="simple" csTypeId="urn:microsoft.com/office/officeart/2005/8/colors/colorful1" csCatId="colorful" phldr="1"/>
      <dgm:spPr/>
      <dgm:t>
        <a:bodyPr/>
        <a:lstStyle/>
        <a:p>
          <a:endParaRPr lang="LID4096"/>
        </a:p>
      </dgm:t>
    </dgm:pt>
    <dgm:pt modelId="{C6D6A0EE-FC16-437C-88E4-88931D7286BA}">
      <dgm:prSet phldrT="[Text]"/>
      <dgm:spPr>
        <a:solidFill>
          <a:srgbClr val="7030A0"/>
        </a:solidFill>
      </dgm:spPr>
      <dgm:t>
        <a:bodyPr/>
        <a:lstStyle/>
        <a:p>
          <a:r>
            <a:rPr lang="en-US"/>
            <a:t>DATA MEMORY</a:t>
          </a:r>
          <a:endParaRPr lang="LID4096"/>
        </a:p>
      </dgm:t>
    </dgm:pt>
    <dgm:pt modelId="{257636FF-8EAD-4E31-A0F5-99FE7D9D223D}" type="parTrans" cxnId="{C7E40353-3C81-43AF-87F4-B1A16F89C3DD}">
      <dgm:prSet/>
      <dgm:spPr/>
      <dgm:t>
        <a:bodyPr/>
        <a:lstStyle/>
        <a:p>
          <a:endParaRPr lang="LID4096"/>
        </a:p>
      </dgm:t>
    </dgm:pt>
    <dgm:pt modelId="{83926B11-6D13-48C0-9358-53D7E99FC2D0}" type="sibTrans" cxnId="{C7E40353-3C81-43AF-87F4-B1A16F89C3DD}">
      <dgm:prSet/>
      <dgm:spPr/>
      <dgm:t>
        <a:bodyPr/>
        <a:lstStyle/>
        <a:p>
          <a:endParaRPr lang="LID4096"/>
        </a:p>
      </dgm:t>
    </dgm:pt>
    <dgm:pt modelId="{2C0D4112-1809-4806-A17B-41E0EE035273}">
      <dgm:prSet phldrT="[Text]"/>
      <dgm:spPr>
        <a:solidFill>
          <a:srgbClr val="00B0F0"/>
        </a:solidFill>
      </dgm:spPr>
      <dgm:t>
        <a:bodyPr/>
        <a:lstStyle/>
        <a:p>
          <a:r>
            <a:rPr lang="en-US"/>
            <a:t>SFRs</a:t>
          </a:r>
          <a:endParaRPr lang="LID4096"/>
        </a:p>
      </dgm:t>
    </dgm:pt>
    <dgm:pt modelId="{CF25E6C8-3958-4D44-8BB5-4965A4A51A22}" type="parTrans" cxnId="{22F1C620-9068-4F23-AAF5-5C2F70B05692}">
      <dgm:prSet/>
      <dgm:spPr/>
      <dgm:t>
        <a:bodyPr/>
        <a:lstStyle/>
        <a:p>
          <a:endParaRPr lang="LID4096"/>
        </a:p>
      </dgm:t>
    </dgm:pt>
    <dgm:pt modelId="{1022099C-1724-46CF-BA47-00B4CDC81DBD}" type="sibTrans" cxnId="{22F1C620-9068-4F23-AAF5-5C2F70B05692}">
      <dgm:prSet/>
      <dgm:spPr/>
      <dgm:t>
        <a:bodyPr/>
        <a:lstStyle/>
        <a:p>
          <a:endParaRPr lang="LID4096"/>
        </a:p>
      </dgm:t>
    </dgm:pt>
    <dgm:pt modelId="{B6D0B861-1592-4F4C-A446-7B27B473D997}">
      <dgm:prSet phldrT="[Text]"/>
      <dgm:spPr>
        <a:solidFill>
          <a:srgbClr val="92D050"/>
        </a:solidFill>
      </dgm:spPr>
      <dgm:t>
        <a:bodyPr/>
        <a:lstStyle/>
        <a:p>
          <a:r>
            <a:rPr lang="en-US"/>
            <a:t>GPRs</a:t>
          </a:r>
          <a:endParaRPr lang="LID4096"/>
        </a:p>
      </dgm:t>
    </dgm:pt>
    <dgm:pt modelId="{F97F4E67-DA2C-4761-915F-5BEAE85AA735}" type="parTrans" cxnId="{A32D2997-7B37-49A4-8B88-31119EADEEC9}">
      <dgm:prSet/>
      <dgm:spPr/>
      <dgm:t>
        <a:bodyPr/>
        <a:lstStyle/>
        <a:p>
          <a:endParaRPr lang="LID4096"/>
        </a:p>
      </dgm:t>
    </dgm:pt>
    <dgm:pt modelId="{EBD31194-AD94-4242-BDEE-8031FD124812}" type="sibTrans" cxnId="{A32D2997-7B37-49A4-8B88-31119EADEEC9}">
      <dgm:prSet/>
      <dgm:spPr/>
      <dgm:t>
        <a:bodyPr/>
        <a:lstStyle/>
        <a:p>
          <a:endParaRPr lang="LID4096"/>
        </a:p>
      </dgm:t>
    </dgm:pt>
    <dgm:pt modelId="{74A448FB-B6AE-4AA4-A5CE-6AE6B40D1DD6}" type="pres">
      <dgm:prSet presAssocID="{C1643A3D-FC67-4019-A822-4AEF80F2888F}" presName="Name0" presStyleCnt="0">
        <dgm:presLayoutVars>
          <dgm:chPref val="1"/>
          <dgm:dir/>
          <dgm:animOne val="branch"/>
          <dgm:animLvl val="lvl"/>
          <dgm:resizeHandles/>
        </dgm:presLayoutVars>
      </dgm:prSet>
      <dgm:spPr/>
    </dgm:pt>
    <dgm:pt modelId="{7319AD60-CDD4-402D-869A-873E31BCB863}" type="pres">
      <dgm:prSet presAssocID="{C6D6A0EE-FC16-437C-88E4-88931D7286BA}" presName="vertOne" presStyleCnt="0"/>
      <dgm:spPr/>
    </dgm:pt>
    <dgm:pt modelId="{5D9D5880-0AC2-466B-81C8-B61FD2A59FA5}" type="pres">
      <dgm:prSet presAssocID="{C6D6A0EE-FC16-437C-88E4-88931D7286BA}" presName="txOne" presStyleLbl="node0" presStyleIdx="0" presStyleCnt="1" custLinFactY="40531" custLinFactNeighborX="9294" custLinFactNeighborY="100000">
        <dgm:presLayoutVars>
          <dgm:chPref val="3"/>
        </dgm:presLayoutVars>
      </dgm:prSet>
      <dgm:spPr/>
    </dgm:pt>
    <dgm:pt modelId="{2DEDF9BF-2ED8-46E1-AA85-7AD2EE07C7B0}" type="pres">
      <dgm:prSet presAssocID="{C6D6A0EE-FC16-437C-88E4-88931D7286BA}" presName="parTransOne" presStyleCnt="0"/>
      <dgm:spPr/>
    </dgm:pt>
    <dgm:pt modelId="{3A054A80-E75A-41E4-906A-BC366A6CA62C}" type="pres">
      <dgm:prSet presAssocID="{C6D6A0EE-FC16-437C-88E4-88931D7286BA}" presName="horzOne" presStyleCnt="0"/>
      <dgm:spPr/>
    </dgm:pt>
    <dgm:pt modelId="{498E6470-CC8C-423B-8F6D-3DEA1A589EA7}" type="pres">
      <dgm:prSet presAssocID="{2C0D4112-1809-4806-A17B-41E0EE035273}" presName="vertTwo" presStyleCnt="0"/>
      <dgm:spPr/>
    </dgm:pt>
    <dgm:pt modelId="{E1B7A595-45CE-42F5-B449-88E3171DDA63}" type="pres">
      <dgm:prSet presAssocID="{2C0D4112-1809-4806-A17B-41E0EE035273}" presName="txTwo" presStyleLbl="node2" presStyleIdx="0" presStyleCnt="2">
        <dgm:presLayoutVars>
          <dgm:chPref val="3"/>
        </dgm:presLayoutVars>
      </dgm:prSet>
      <dgm:spPr/>
    </dgm:pt>
    <dgm:pt modelId="{BBCFB0C2-1DB7-4349-8597-F3FE2FED90F6}" type="pres">
      <dgm:prSet presAssocID="{2C0D4112-1809-4806-A17B-41E0EE035273}" presName="horzTwo" presStyleCnt="0"/>
      <dgm:spPr/>
    </dgm:pt>
    <dgm:pt modelId="{9C4FE2AC-9100-4E6E-BF5E-1C5E27B7DD59}" type="pres">
      <dgm:prSet presAssocID="{1022099C-1724-46CF-BA47-00B4CDC81DBD}" presName="sibSpaceTwo" presStyleCnt="0"/>
      <dgm:spPr/>
    </dgm:pt>
    <dgm:pt modelId="{1981C7BB-D258-4B04-948D-3BFE6F30A6A2}" type="pres">
      <dgm:prSet presAssocID="{B6D0B861-1592-4F4C-A446-7B27B473D997}" presName="vertTwo" presStyleCnt="0"/>
      <dgm:spPr/>
    </dgm:pt>
    <dgm:pt modelId="{20AA1395-65F7-4B5A-B7D1-8ED860061639}" type="pres">
      <dgm:prSet presAssocID="{B6D0B861-1592-4F4C-A446-7B27B473D997}" presName="txTwo" presStyleLbl="node2" presStyleIdx="1" presStyleCnt="2">
        <dgm:presLayoutVars>
          <dgm:chPref val="3"/>
        </dgm:presLayoutVars>
      </dgm:prSet>
      <dgm:spPr/>
    </dgm:pt>
    <dgm:pt modelId="{3B45D0CA-ABC6-4D97-AE62-A33A62BB47C1}" type="pres">
      <dgm:prSet presAssocID="{B6D0B861-1592-4F4C-A446-7B27B473D997}" presName="horzTwo" presStyleCnt="0"/>
      <dgm:spPr/>
    </dgm:pt>
  </dgm:ptLst>
  <dgm:cxnLst>
    <dgm:cxn modelId="{22F1C620-9068-4F23-AAF5-5C2F70B05692}" srcId="{C6D6A0EE-FC16-437C-88E4-88931D7286BA}" destId="{2C0D4112-1809-4806-A17B-41E0EE035273}" srcOrd="0" destOrd="0" parTransId="{CF25E6C8-3958-4D44-8BB5-4965A4A51A22}" sibTransId="{1022099C-1724-46CF-BA47-00B4CDC81DBD}"/>
    <dgm:cxn modelId="{FB582226-61E2-4271-9ED3-C8E1336CB6AD}" type="presOf" srcId="{C6D6A0EE-FC16-437C-88E4-88931D7286BA}" destId="{5D9D5880-0AC2-466B-81C8-B61FD2A59FA5}" srcOrd="0" destOrd="0" presId="urn:microsoft.com/office/officeart/2005/8/layout/architecture"/>
    <dgm:cxn modelId="{F9AFA350-D27D-4953-9275-A6C15012D868}" type="presOf" srcId="{B6D0B861-1592-4F4C-A446-7B27B473D997}" destId="{20AA1395-65F7-4B5A-B7D1-8ED860061639}" srcOrd="0" destOrd="0" presId="urn:microsoft.com/office/officeart/2005/8/layout/architecture"/>
    <dgm:cxn modelId="{C7E40353-3C81-43AF-87F4-B1A16F89C3DD}" srcId="{C1643A3D-FC67-4019-A822-4AEF80F2888F}" destId="{C6D6A0EE-FC16-437C-88E4-88931D7286BA}" srcOrd="0" destOrd="0" parTransId="{257636FF-8EAD-4E31-A0F5-99FE7D9D223D}" sibTransId="{83926B11-6D13-48C0-9358-53D7E99FC2D0}"/>
    <dgm:cxn modelId="{A33B7982-95AD-4EDA-A125-DCFFF425D339}" type="presOf" srcId="{C1643A3D-FC67-4019-A822-4AEF80F2888F}" destId="{74A448FB-B6AE-4AA4-A5CE-6AE6B40D1DD6}" srcOrd="0" destOrd="0" presId="urn:microsoft.com/office/officeart/2005/8/layout/architecture"/>
    <dgm:cxn modelId="{A32D2997-7B37-49A4-8B88-31119EADEEC9}" srcId="{C6D6A0EE-FC16-437C-88E4-88931D7286BA}" destId="{B6D0B861-1592-4F4C-A446-7B27B473D997}" srcOrd="1" destOrd="0" parTransId="{F97F4E67-DA2C-4761-915F-5BEAE85AA735}" sibTransId="{EBD31194-AD94-4242-BDEE-8031FD124812}"/>
    <dgm:cxn modelId="{EFC898CA-21FF-4EBF-8D11-8B5542D87171}" type="presOf" srcId="{2C0D4112-1809-4806-A17B-41E0EE035273}" destId="{E1B7A595-45CE-42F5-B449-88E3171DDA63}" srcOrd="0" destOrd="0" presId="urn:microsoft.com/office/officeart/2005/8/layout/architecture"/>
    <dgm:cxn modelId="{6442140C-C061-40A2-9E07-21DDF88555A9}" type="presParOf" srcId="{74A448FB-B6AE-4AA4-A5CE-6AE6B40D1DD6}" destId="{7319AD60-CDD4-402D-869A-873E31BCB863}" srcOrd="0" destOrd="0" presId="urn:microsoft.com/office/officeart/2005/8/layout/architecture"/>
    <dgm:cxn modelId="{E9347FAF-554E-4364-BF68-52BBEAB5460D}" type="presParOf" srcId="{7319AD60-CDD4-402D-869A-873E31BCB863}" destId="{5D9D5880-0AC2-466B-81C8-B61FD2A59FA5}" srcOrd="0" destOrd="0" presId="urn:microsoft.com/office/officeart/2005/8/layout/architecture"/>
    <dgm:cxn modelId="{D9E964C2-7C9C-4CE4-9524-CF5CE8BFC49E}" type="presParOf" srcId="{7319AD60-CDD4-402D-869A-873E31BCB863}" destId="{2DEDF9BF-2ED8-46E1-AA85-7AD2EE07C7B0}" srcOrd="1" destOrd="0" presId="urn:microsoft.com/office/officeart/2005/8/layout/architecture"/>
    <dgm:cxn modelId="{4A1F4920-F8A9-43EE-847B-3304DF00760B}" type="presParOf" srcId="{7319AD60-CDD4-402D-869A-873E31BCB863}" destId="{3A054A80-E75A-41E4-906A-BC366A6CA62C}" srcOrd="2" destOrd="0" presId="urn:microsoft.com/office/officeart/2005/8/layout/architecture"/>
    <dgm:cxn modelId="{4BBFF0EB-90B3-477B-BAC5-897DB218ECEA}" type="presParOf" srcId="{3A054A80-E75A-41E4-906A-BC366A6CA62C}" destId="{498E6470-CC8C-423B-8F6D-3DEA1A589EA7}" srcOrd="0" destOrd="0" presId="urn:microsoft.com/office/officeart/2005/8/layout/architecture"/>
    <dgm:cxn modelId="{D80ED792-4AAE-403D-B610-9D37C8E696DC}" type="presParOf" srcId="{498E6470-CC8C-423B-8F6D-3DEA1A589EA7}" destId="{E1B7A595-45CE-42F5-B449-88E3171DDA63}" srcOrd="0" destOrd="0" presId="urn:microsoft.com/office/officeart/2005/8/layout/architecture"/>
    <dgm:cxn modelId="{9AD6E7D1-1FC9-4E51-87DC-E3042D99E178}" type="presParOf" srcId="{498E6470-CC8C-423B-8F6D-3DEA1A589EA7}" destId="{BBCFB0C2-1DB7-4349-8597-F3FE2FED90F6}" srcOrd="1" destOrd="0" presId="urn:microsoft.com/office/officeart/2005/8/layout/architecture"/>
    <dgm:cxn modelId="{81ADCB7F-A179-4EC8-89F0-44B723C0808B}" type="presParOf" srcId="{3A054A80-E75A-41E4-906A-BC366A6CA62C}" destId="{9C4FE2AC-9100-4E6E-BF5E-1C5E27B7DD59}" srcOrd="1" destOrd="0" presId="urn:microsoft.com/office/officeart/2005/8/layout/architecture"/>
    <dgm:cxn modelId="{4D0A719E-5ED1-47C7-AC39-D844F8F5BB79}" type="presParOf" srcId="{3A054A80-E75A-41E4-906A-BC366A6CA62C}" destId="{1981C7BB-D258-4B04-948D-3BFE6F30A6A2}" srcOrd="2" destOrd="0" presId="urn:microsoft.com/office/officeart/2005/8/layout/architecture"/>
    <dgm:cxn modelId="{E39C82B1-E853-4B8E-9390-4D65D73FC99D}" type="presParOf" srcId="{1981C7BB-D258-4B04-948D-3BFE6F30A6A2}" destId="{20AA1395-65F7-4B5A-B7D1-8ED860061639}" srcOrd="0" destOrd="0" presId="urn:microsoft.com/office/officeart/2005/8/layout/architecture"/>
    <dgm:cxn modelId="{1777CAC6-3231-4396-A4EA-9F9FDD4AD6C0}" type="presParOf" srcId="{1981C7BB-D258-4B04-948D-3BFE6F30A6A2}" destId="{3B45D0CA-ABC6-4D97-AE62-A33A62BB47C1}" srcOrd="1" destOrd="0" presId="urn:microsoft.com/office/officeart/2005/8/layout/architecture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ABA8CA04-D9FF-498E-92C6-3D5C09900585}" type="doc">
      <dgm:prSet loTypeId="urn:microsoft.com/office/officeart/2005/8/layout/radial4" loCatId="relationship" qsTypeId="urn:microsoft.com/office/officeart/2005/8/quickstyle/simple4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147A4FA4-3A99-4134-9096-5315F9AFE288}">
      <dgm:prSet phldrT="[Text]"/>
      <dgm:spPr/>
      <dgm:t>
        <a:bodyPr/>
        <a:lstStyle/>
        <a:p>
          <a:r>
            <a:rPr lang="en-US" dirty="0"/>
            <a:t>PC to STACK</a:t>
          </a:r>
        </a:p>
      </dgm:t>
    </dgm:pt>
    <dgm:pt modelId="{A07CBBDA-0948-4987-8B31-4818B04A94F3}" type="parTrans" cxnId="{CDB87503-C892-4685-879F-FA9222F1B921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90724EE0-428D-42EF-A554-A05635E761C8}" type="sibTrans" cxnId="{CDB87503-C892-4685-879F-FA9222F1B921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51E7960C-0870-4B23-9CBB-45EA61981C89}">
      <dgm:prSet phldrT="[Text]"/>
      <dgm:spPr/>
      <dgm:t>
        <a:bodyPr/>
        <a:lstStyle/>
        <a:p>
          <a:r>
            <a:rPr lang="en-US" dirty="0"/>
            <a:t>CALL</a:t>
          </a:r>
        </a:p>
      </dgm:t>
    </dgm:pt>
    <dgm:pt modelId="{47FB4119-F524-4561-B0C3-268107A79B51}" type="parTrans" cxnId="{88E7BA72-2FB3-4040-9F60-6F1FB5267EE4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50D708ED-76F2-428E-8F04-9DFB9A78B070}" type="sibTrans" cxnId="{88E7BA72-2FB3-4040-9F60-6F1FB5267EE4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DA30B409-69FD-42AC-9FB6-760144093225}">
      <dgm:prSet phldrT="[Text]"/>
      <dgm:spPr/>
      <dgm:t>
        <a:bodyPr/>
        <a:lstStyle/>
        <a:p>
          <a:r>
            <a:rPr lang="en-US" dirty="0" err="1"/>
            <a:t>RCALL</a:t>
          </a:r>
          <a:endParaRPr lang="en-US" dirty="0"/>
        </a:p>
      </dgm:t>
    </dgm:pt>
    <dgm:pt modelId="{60B906DF-F024-4259-A10A-82FAB4B0B4AB}" type="parTrans" cxnId="{8FBE0852-8409-4C8F-BDB2-79A18F89D18B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FA65FD90-DCFD-49C3-A056-A6F6B44D14E7}" type="sibTrans" cxnId="{8FBE0852-8409-4C8F-BDB2-79A18F89D18B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FB2E9684-B271-4A92-9D22-BCF86D69DFA2}">
      <dgm:prSet phldrT="[Text]"/>
      <dgm:spPr/>
      <dgm:t>
        <a:bodyPr/>
        <a:lstStyle/>
        <a:p>
          <a:r>
            <a:rPr lang="en-US" dirty="0"/>
            <a:t>Interrupt</a:t>
          </a:r>
        </a:p>
      </dgm:t>
    </dgm:pt>
    <dgm:pt modelId="{F5BA019D-F673-4546-A4C4-A5A8E48C0333}" type="parTrans" cxnId="{07573699-A1F3-4B0E-9C83-327ACB916D76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20CE2934-BC1D-4F08-B531-20A399067F30}" type="sibTrans" cxnId="{07573699-A1F3-4B0E-9C83-327ACB916D76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94943FE7-360C-4147-8B72-5A32B1EBE5BF}" type="pres">
      <dgm:prSet presAssocID="{ABA8CA04-D9FF-498E-92C6-3D5C09900585}" presName="cycle" presStyleCnt="0">
        <dgm:presLayoutVars>
          <dgm:chMax val="1"/>
          <dgm:dir/>
          <dgm:animLvl val="ctr"/>
          <dgm:resizeHandles val="exact"/>
        </dgm:presLayoutVars>
      </dgm:prSet>
      <dgm:spPr/>
    </dgm:pt>
    <dgm:pt modelId="{BA6EFDDA-2777-4371-8840-F26C3E054836}" type="pres">
      <dgm:prSet presAssocID="{147A4FA4-3A99-4134-9096-5315F9AFE288}" presName="centerShape" presStyleLbl="node0" presStyleIdx="0" presStyleCnt="1"/>
      <dgm:spPr/>
    </dgm:pt>
    <dgm:pt modelId="{4E0E9B38-AB71-439A-833E-1C61F2E1554A}" type="pres">
      <dgm:prSet presAssocID="{47FB4119-F524-4561-B0C3-268107A79B51}" presName="parTrans" presStyleLbl="bgSibTrans2D1" presStyleIdx="0" presStyleCnt="3"/>
      <dgm:spPr/>
    </dgm:pt>
    <dgm:pt modelId="{5ADB4CEE-B8E4-4884-8883-4BCE88880F28}" type="pres">
      <dgm:prSet presAssocID="{51E7960C-0870-4B23-9CBB-45EA61981C89}" presName="node" presStyleLbl="node1" presStyleIdx="0" presStyleCnt="3">
        <dgm:presLayoutVars>
          <dgm:bulletEnabled val="1"/>
        </dgm:presLayoutVars>
      </dgm:prSet>
      <dgm:spPr/>
    </dgm:pt>
    <dgm:pt modelId="{B3E3C83B-B9A6-4273-9EF7-B3EAAD137256}" type="pres">
      <dgm:prSet presAssocID="{60B906DF-F024-4259-A10A-82FAB4B0B4AB}" presName="parTrans" presStyleLbl="bgSibTrans2D1" presStyleIdx="1" presStyleCnt="3"/>
      <dgm:spPr/>
    </dgm:pt>
    <dgm:pt modelId="{4CFEB526-828A-4B71-9FF4-6C80EA163A65}" type="pres">
      <dgm:prSet presAssocID="{DA30B409-69FD-42AC-9FB6-760144093225}" presName="node" presStyleLbl="node1" presStyleIdx="1" presStyleCnt="3">
        <dgm:presLayoutVars>
          <dgm:bulletEnabled val="1"/>
        </dgm:presLayoutVars>
      </dgm:prSet>
      <dgm:spPr/>
    </dgm:pt>
    <dgm:pt modelId="{E74E7D52-5454-417D-B5F4-30325994DEDE}" type="pres">
      <dgm:prSet presAssocID="{F5BA019D-F673-4546-A4C4-A5A8E48C0333}" presName="parTrans" presStyleLbl="bgSibTrans2D1" presStyleIdx="2" presStyleCnt="3"/>
      <dgm:spPr/>
    </dgm:pt>
    <dgm:pt modelId="{E41A5BD1-43FE-4B6D-9858-CAE006C9BBB4}" type="pres">
      <dgm:prSet presAssocID="{FB2E9684-B271-4A92-9D22-BCF86D69DFA2}" presName="node" presStyleLbl="node1" presStyleIdx="2" presStyleCnt="3">
        <dgm:presLayoutVars>
          <dgm:bulletEnabled val="1"/>
        </dgm:presLayoutVars>
      </dgm:prSet>
      <dgm:spPr/>
    </dgm:pt>
  </dgm:ptLst>
  <dgm:cxnLst>
    <dgm:cxn modelId="{CDB87503-C892-4685-879F-FA9222F1B921}" srcId="{ABA8CA04-D9FF-498E-92C6-3D5C09900585}" destId="{147A4FA4-3A99-4134-9096-5315F9AFE288}" srcOrd="0" destOrd="0" parTransId="{A07CBBDA-0948-4987-8B31-4818B04A94F3}" sibTransId="{90724EE0-428D-42EF-A554-A05635E761C8}"/>
    <dgm:cxn modelId="{5BBACE15-4958-431C-B1E5-75793BB83320}" type="presOf" srcId="{FB2E9684-B271-4A92-9D22-BCF86D69DFA2}" destId="{E41A5BD1-43FE-4B6D-9858-CAE006C9BBB4}" srcOrd="0" destOrd="0" presId="urn:microsoft.com/office/officeart/2005/8/layout/radial4"/>
    <dgm:cxn modelId="{5BD26C27-3159-4CFD-9C78-ADC176D39324}" type="presOf" srcId="{DA30B409-69FD-42AC-9FB6-760144093225}" destId="{4CFEB526-828A-4B71-9FF4-6C80EA163A65}" srcOrd="0" destOrd="0" presId="urn:microsoft.com/office/officeart/2005/8/layout/radial4"/>
    <dgm:cxn modelId="{257F5930-7ECB-4118-89DC-F04E41AE2267}" type="presOf" srcId="{60B906DF-F024-4259-A10A-82FAB4B0B4AB}" destId="{B3E3C83B-B9A6-4273-9EF7-B3EAAD137256}" srcOrd="0" destOrd="0" presId="urn:microsoft.com/office/officeart/2005/8/layout/radial4"/>
    <dgm:cxn modelId="{DC821942-8B4E-4438-B609-22CE52073759}" type="presOf" srcId="{147A4FA4-3A99-4134-9096-5315F9AFE288}" destId="{BA6EFDDA-2777-4371-8840-F26C3E054836}" srcOrd="0" destOrd="0" presId="urn:microsoft.com/office/officeart/2005/8/layout/radial4"/>
    <dgm:cxn modelId="{8FBE0852-8409-4C8F-BDB2-79A18F89D18B}" srcId="{147A4FA4-3A99-4134-9096-5315F9AFE288}" destId="{DA30B409-69FD-42AC-9FB6-760144093225}" srcOrd="1" destOrd="0" parTransId="{60B906DF-F024-4259-A10A-82FAB4B0B4AB}" sibTransId="{FA65FD90-DCFD-49C3-A056-A6F6B44D14E7}"/>
    <dgm:cxn modelId="{88E7BA72-2FB3-4040-9F60-6F1FB5267EE4}" srcId="{147A4FA4-3A99-4134-9096-5315F9AFE288}" destId="{51E7960C-0870-4B23-9CBB-45EA61981C89}" srcOrd="0" destOrd="0" parTransId="{47FB4119-F524-4561-B0C3-268107A79B51}" sibTransId="{50D708ED-76F2-428E-8F04-9DFB9A78B070}"/>
    <dgm:cxn modelId="{0194C072-7602-4403-A3A2-815F927EC697}" type="presOf" srcId="{47FB4119-F524-4561-B0C3-268107A79B51}" destId="{4E0E9B38-AB71-439A-833E-1C61F2E1554A}" srcOrd="0" destOrd="0" presId="urn:microsoft.com/office/officeart/2005/8/layout/radial4"/>
    <dgm:cxn modelId="{4D53657C-012B-405F-91C8-F556A1792544}" type="presOf" srcId="{ABA8CA04-D9FF-498E-92C6-3D5C09900585}" destId="{94943FE7-360C-4147-8B72-5A32B1EBE5BF}" srcOrd="0" destOrd="0" presId="urn:microsoft.com/office/officeart/2005/8/layout/radial4"/>
    <dgm:cxn modelId="{F5E4C381-1F52-4676-AB7F-D79222D97FFB}" type="presOf" srcId="{F5BA019D-F673-4546-A4C4-A5A8E48C0333}" destId="{E74E7D52-5454-417D-B5F4-30325994DEDE}" srcOrd="0" destOrd="0" presId="urn:microsoft.com/office/officeart/2005/8/layout/radial4"/>
    <dgm:cxn modelId="{07573699-A1F3-4B0E-9C83-327ACB916D76}" srcId="{147A4FA4-3A99-4134-9096-5315F9AFE288}" destId="{FB2E9684-B271-4A92-9D22-BCF86D69DFA2}" srcOrd="2" destOrd="0" parTransId="{F5BA019D-F673-4546-A4C4-A5A8E48C0333}" sibTransId="{20CE2934-BC1D-4F08-B531-20A399067F30}"/>
    <dgm:cxn modelId="{9BA3B1B7-55A0-4165-9F0C-F1A3A9318896}" type="presOf" srcId="{51E7960C-0870-4B23-9CBB-45EA61981C89}" destId="{5ADB4CEE-B8E4-4884-8883-4BCE88880F28}" srcOrd="0" destOrd="0" presId="urn:microsoft.com/office/officeart/2005/8/layout/radial4"/>
    <dgm:cxn modelId="{21082401-779F-4BED-83A9-C9BCE886CFF2}" type="presParOf" srcId="{94943FE7-360C-4147-8B72-5A32B1EBE5BF}" destId="{BA6EFDDA-2777-4371-8840-F26C3E054836}" srcOrd="0" destOrd="0" presId="urn:microsoft.com/office/officeart/2005/8/layout/radial4"/>
    <dgm:cxn modelId="{CBD97CD1-7D7F-4F08-9E4F-6B1AD4C23466}" type="presParOf" srcId="{94943FE7-360C-4147-8B72-5A32B1EBE5BF}" destId="{4E0E9B38-AB71-439A-833E-1C61F2E1554A}" srcOrd="1" destOrd="0" presId="urn:microsoft.com/office/officeart/2005/8/layout/radial4"/>
    <dgm:cxn modelId="{B5CF5FD7-07C6-452B-8E90-01FD89150895}" type="presParOf" srcId="{94943FE7-360C-4147-8B72-5A32B1EBE5BF}" destId="{5ADB4CEE-B8E4-4884-8883-4BCE88880F28}" srcOrd="2" destOrd="0" presId="urn:microsoft.com/office/officeart/2005/8/layout/radial4"/>
    <dgm:cxn modelId="{6F56AD31-68E0-420C-A5A4-3948369426AA}" type="presParOf" srcId="{94943FE7-360C-4147-8B72-5A32B1EBE5BF}" destId="{B3E3C83B-B9A6-4273-9EF7-B3EAAD137256}" srcOrd="3" destOrd="0" presId="urn:microsoft.com/office/officeart/2005/8/layout/radial4"/>
    <dgm:cxn modelId="{A5E4ACC2-EC68-4ADC-B827-7CAF42D2B1AA}" type="presParOf" srcId="{94943FE7-360C-4147-8B72-5A32B1EBE5BF}" destId="{4CFEB526-828A-4B71-9FF4-6C80EA163A65}" srcOrd="4" destOrd="0" presId="urn:microsoft.com/office/officeart/2005/8/layout/radial4"/>
    <dgm:cxn modelId="{7CDAAC20-3399-4F2C-B409-A53BF787D544}" type="presParOf" srcId="{94943FE7-360C-4147-8B72-5A32B1EBE5BF}" destId="{E74E7D52-5454-417D-B5F4-30325994DEDE}" srcOrd="5" destOrd="0" presId="urn:microsoft.com/office/officeart/2005/8/layout/radial4"/>
    <dgm:cxn modelId="{F2770A55-0F5C-47BC-978E-462448516477}" type="presParOf" srcId="{94943FE7-360C-4147-8B72-5A32B1EBE5BF}" destId="{E41A5BD1-43FE-4B6D-9858-CAE006C9BBB4}" srcOrd="6" destOrd="0" presId="urn:microsoft.com/office/officeart/2005/8/layout/radial4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ABA8CA04-D9FF-498E-92C6-3D5C09900585}" type="doc">
      <dgm:prSet loTypeId="urn:microsoft.com/office/officeart/2005/8/layout/radial4" loCatId="relationship" qsTypeId="urn:microsoft.com/office/officeart/2005/8/quickstyle/simple4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147A4FA4-3A99-4134-9096-5315F9AFE288}">
      <dgm:prSet phldrT="[Text]"/>
      <dgm:spPr/>
      <dgm:t>
        <a:bodyPr/>
        <a:lstStyle/>
        <a:p>
          <a:r>
            <a:rPr lang="en-US" dirty="0"/>
            <a:t>STACK to PC</a:t>
          </a:r>
        </a:p>
      </dgm:t>
    </dgm:pt>
    <dgm:pt modelId="{A07CBBDA-0948-4987-8B31-4818B04A94F3}" type="parTrans" cxnId="{CDB87503-C892-4685-879F-FA9222F1B921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90724EE0-428D-42EF-A554-A05635E761C8}" type="sibTrans" cxnId="{CDB87503-C892-4685-879F-FA9222F1B921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51E7960C-0870-4B23-9CBB-45EA61981C89}">
      <dgm:prSet phldrT="[Text]"/>
      <dgm:spPr/>
      <dgm:t>
        <a:bodyPr/>
        <a:lstStyle/>
        <a:p>
          <a:r>
            <a:rPr lang="en-US" dirty="0"/>
            <a:t>RETURN</a:t>
          </a:r>
        </a:p>
      </dgm:t>
    </dgm:pt>
    <dgm:pt modelId="{47FB4119-F524-4561-B0C3-268107A79B51}" type="parTrans" cxnId="{88E7BA72-2FB3-4040-9F60-6F1FB5267EE4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50D708ED-76F2-428E-8F04-9DFB9A78B070}" type="sibTrans" cxnId="{88E7BA72-2FB3-4040-9F60-6F1FB5267EE4}">
      <dgm:prSet/>
      <dgm:spPr/>
      <dgm:t>
        <a:bodyPr/>
        <a:lstStyle/>
        <a:p>
          <a:endParaRPr lang="en-US">
            <a:solidFill>
              <a:schemeClr val="tx2"/>
            </a:solidFill>
          </a:endParaRPr>
        </a:p>
      </dgm:t>
    </dgm:pt>
    <dgm:pt modelId="{DBE1C7C7-76EA-443A-82F1-B21FF972BDC5}">
      <dgm:prSet phldrT="[Text]"/>
      <dgm:spPr/>
      <dgm:t>
        <a:bodyPr/>
        <a:lstStyle/>
        <a:p>
          <a:r>
            <a:rPr lang="en-US" dirty="0" err="1"/>
            <a:t>RETLW</a:t>
          </a:r>
          <a:endParaRPr lang="en-US" dirty="0"/>
        </a:p>
      </dgm:t>
    </dgm:pt>
    <dgm:pt modelId="{BAD4612F-E4B3-4062-BD64-1CC7A1FEE75C}" type="parTrans" cxnId="{19B28EF3-68BC-46E6-B303-7104FBFE17CC}">
      <dgm:prSet/>
      <dgm:spPr/>
      <dgm:t>
        <a:bodyPr/>
        <a:lstStyle/>
        <a:p>
          <a:endParaRPr lang="en-US"/>
        </a:p>
      </dgm:t>
    </dgm:pt>
    <dgm:pt modelId="{B12B1329-1DE6-4C57-BB4A-0D3D943C009F}" type="sibTrans" cxnId="{19B28EF3-68BC-46E6-B303-7104FBFE17CC}">
      <dgm:prSet/>
      <dgm:spPr/>
      <dgm:t>
        <a:bodyPr/>
        <a:lstStyle/>
        <a:p>
          <a:endParaRPr lang="en-US"/>
        </a:p>
      </dgm:t>
    </dgm:pt>
    <dgm:pt modelId="{F0964072-D752-4F57-9719-1181F6D497EE}">
      <dgm:prSet phldrT="[Text]"/>
      <dgm:spPr/>
      <dgm:t>
        <a:bodyPr/>
        <a:lstStyle/>
        <a:p>
          <a:r>
            <a:rPr lang="en-US" dirty="0" err="1"/>
            <a:t>RETFIE</a:t>
          </a:r>
          <a:endParaRPr lang="en-US" dirty="0"/>
        </a:p>
      </dgm:t>
    </dgm:pt>
    <dgm:pt modelId="{178C2521-595E-4434-8859-7BA001C28621}" type="parTrans" cxnId="{6B90FFB7-C2AB-4488-9E97-7F93A6E88BA8}">
      <dgm:prSet/>
      <dgm:spPr/>
      <dgm:t>
        <a:bodyPr/>
        <a:lstStyle/>
        <a:p>
          <a:endParaRPr lang="en-US"/>
        </a:p>
      </dgm:t>
    </dgm:pt>
    <dgm:pt modelId="{CF98BFC1-57EC-43F9-8E73-54938E76BAF8}" type="sibTrans" cxnId="{6B90FFB7-C2AB-4488-9E97-7F93A6E88BA8}">
      <dgm:prSet/>
      <dgm:spPr/>
      <dgm:t>
        <a:bodyPr/>
        <a:lstStyle/>
        <a:p>
          <a:endParaRPr lang="en-US"/>
        </a:p>
      </dgm:t>
    </dgm:pt>
    <dgm:pt modelId="{94943FE7-360C-4147-8B72-5A32B1EBE5BF}" type="pres">
      <dgm:prSet presAssocID="{ABA8CA04-D9FF-498E-92C6-3D5C09900585}" presName="cycle" presStyleCnt="0">
        <dgm:presLayoutVars>
          <dgm:chMax val="1"/>
          <dgm:dir/>
          <dgm:animLvl val="ctr"/>
          <dgm:resizeHandles val="exact"/>
        </dgm:presLayoutVars>
      </dgm:prSet>
      <dgm:spPr/>
    </dgm:pt>
    <dgm:pt modelId="{BA6EFDDA-2777-4371-8840-F26C3E054836}" type="pres">
      <dgm:prSet presAssocID="{147A4FA4-3A99-4134-9096-5315F9AFE288}" presName="centerShape" presStyleLbl="node0" presStyleIdx="0" presStyleCnt="1"/>
      <dgm:spPr/>
    </dgm:pt>
    <dgm:pt modelId="{4E0E9B38-AB71-439A-833E-1C61F2E1554A}" type="pres">
      <dgm:prSet presAssocID="{47FB4119-F524-4561-B0C3-268107A79B51}" presName="parTrans" presStyleLbl="bgSibTrans2D1" presStyleIdx="0" presStyleCnt="3"/>
      <dgm:spPr/>
    </dgm:pt>
    <dgm:pt modelId="{5ADB4CEE-B8E4-4884-8883-4BCE88880F28}" type="pres">
      <dgm:prSet presAssocID="{51E7960C-0870-4B23-9CBB-45EA61981C89}" presName="node" presStyleLbl="node1" presStyleIdx="0" presStyleCnt="3">
        <dgm:presLayoutVars>
          <dgm:bulletEnabled val="1"/>
        </dgm:presLayoutVars>
      </dgm:prSet>
      <dgm:spPr/>
    </dgm:pt>
    <dgm:pt modelId="{9A37DF81-38FD-45E8-9C99-59540CBC0169}" type="pres">
      <dgm:prSet presAssocID="{BAD4612F-E4B3-4062-BD64-1CC7A1FEE75C}" presName="parTrans" presStyleLbl="bgSibTrans2D1" presStyleIdx="1" presStyleCnt="3"/>
      <dgm:spPr/>
    </dgm:pt>
    <dgm:pt modelId="{D6561D1B-657D-4886-B623-6474430E1622}" type="pres">
      <dgm:prSet presAssocID="{DBE1C7C7-76EA-443A-82F1-B21FF972BDC5}" presName="node" presStyleLbl="node1" presStyleIdx="1" presStyleCnt="3">
        <dgm:presLayoutVars>
          <dgm:bulletEnabled val="1"/>
        </dgm:presLayoutVars>
      </dgm:prSet>
      <dgm:spPr/>
    </dgm:pt>
    <dgm:pt modelId="{032F3D56-CE1C-4159-90A8-60D7C25C2E2E}" type="pres">
      <dgm:prSet presAssocID="{178C2521-595E-4434-8859-7BA001C28621}" presName="parTrans" presStyleLbl="bgSibTrans2D1" presStyleIdx="2" presStyleCnt="3"/>
      <dgm:spPr/>
    </dgm:pt>
    <dgm:pt modelId="{F146FACC-1C14-439E-A85F-70862DD55AC7}" type="pres">
      <dgm:prSet presAssocID="{F0964072-D752-4F57-9719-1181F6D497EE}" presName="node" presStyleLbl="node1" presStyleIdx="2" presStyleCnt="3">
        <dgm:presLayoutVars>
          <dgm:bulletEnabled val="1"/>
        </dgm:presLayoutVars>
      </dgm:prSet>
      <dgm:spPr/>
    </dgm:pt>
  </dgm:ptLst>
  <dgm:cxnLst>
    <dgm:cxn modelId="{CDB87503-C892-4685-879F-FA9222F1B921}" srcId="{ABA8CA04-D9FF-498E-92C6-3D5C09900585}" destId="{147A4FA4-3A99-4134-9096-5315F9AFE288}" srcOrd="0" destOrd="0" parTransId="{A07CBBDA-0948-4987-8B31-4818B04A94F3}" sibTransId="{90724EE0-428D-42EF-A554-A05635E761C8}"/>
    <dgm:cxn modelId="{DC821942-8B4E-4438-B609-22CE52073759}" type="presOf" srcId="{147A4FA4-3A99-4134-9096-5315F9AFE288}" destId="{BA6EFDDA-2777-4371-8840-F26C3E054836}" srcOrd="0" destOrd="0" presId="urn:microsoft.com/office/officeart/2005/8/layout/radial4"/>
    <dgm:cxn modelId="{1D1B9548-FD30-4EAE-85D1-70A71FEE321F}" type="presOf" srcId="{BAD4612F-E4B3-4062-BD64-1CC7A1FEE75C}" destId="{9A37DF81-38FD-45E8-9C99-59540CBC0169}" srcOrd="0" destOrd="0" presId="urn:microsoft.com/office/officeart/2005/8/layout/radial4"/>
    <dgm:cxn modelId="{DB7F096B-5BC1-42D6-A551-5C8F50AF9CB1}" type="presOf" srcId="{178C2521-595E-4434-8859-7BA001C28621}" destId="{032F3D56-CE1C-4159-90A8-60D7C25C2E2E}" srcOrd="0" destOrd="0" presId="urn:microsoft.com/office/officeart/2005/8/layout/radial4"/>
    <dgm:cxn modelId="{88E7BA72-2FB3-4040-9F60-6F1FB5267EE4}" srcId="{147A4FA4-3A99-4134-9096-5315F9AFE288}" destId="{51E7960C-0870-4B23-9CBB-45EA61981C89}" srcOrd="0" destOrd="0" parTransId="{47FB4119-F524-4561-B0C3-268107A79B51}" sibTransId="{50D708ED-76F2-428E-8F04-9DFB9A78B070}"/>
    <dgm:cxn modelId="{0194C072-7602-4403-A3A2-815F927EC697}" type="presOf" srcId="{47FB4119-F524-4561-B0C3-268107A79B51}" destId="{4E0E9B38-AB71-439A-833E-1C61F2E1554A}" srcOrd="0" destOrd="0" presId="urn:microsoft.com/office/officeart/2005/8/layout/radial4"/>
    <dgm:cxn modelId="{4D53657C-012B-405F-91C8-F556A1792544}" type="presOf" srcId="{ABA8CA04-D9FF-498E-92C6-3D5C09900585}" destId="{94943FE7-360C-4147-8B72-5A32B1EBE5BF}" srcOrd="0" destOrd="0" presId="urn:microsoft.com/office/officeart/2005/8/layout/radial4"/>
    <dgm:cxn modelId="{9BA3B1B7-55A0-4165-9F0C-F1A3A9318896}" type="presOf" srcId="{51E7960C-0870-4B23-9CBB-45EA61981C89}" destId="{5ADB4CEE-B8E4-4884-8883-4BCE88880F28}" srcOrd="0" destOrd="0" presId="urn:microsoft.com/office/officeart/2005/8/layout/radial4"/>
    <dgm:cxn modelId="{6B90FFB7-C2AB-4488-9E97-7F93A6E88BA8}" srcId="{147A4FA4-3A99-4134-9096-5315F9AFE288}" destId="{F0964072-D752-4F57-9719-1181F6D497EE}" srcOrd="2" destOrd="0" parTransId="{178C2521-595E-4434-8859-7BA001C28621}" sibTransId="{CF98BFC1-57EC-43F9-8E73-54938E76BAF8}"/>
    <dgm:cxn modelId="{7A406BBF-88A2-4C13-968E-B5CE0A5D325D}" type="presOf" srcId="{DBE1C7C7-76EA-443A-82F1-B21FF972BDC5}" destId="{D6561D1B-657D-4886-B623-6474430E1622}" srcOrd="0" destOrd="0" presId="urn:microsoft.com/office/officeart/2005/8/layout/radial4"/>
    <dgm:cxn modelId="{67391CE7-31EB-4E3D-B120-13D4E8FA1219}" type="presOf" srcId="{F0964072-D752-4F57-9719-1181F6D497EE}" destId="{F146FACC-1C14-439E-A85F-70862DD55AC7}" srcOrd="0" destOrd="0" presId="urn:microsoft.com/office/officeart/2005/8/layout/radial4"/>
    <dgm:cxn modelId="{19B28EF3-68BC-46E6-B303-7104FBFE17CC}" srcId="{147A4FA4-3A99-4134-9096-5315F9AFE288}" destId="{DBE1C7C7-76EA-443A-82F1-B21FF972BDC5}" srcOrd="1" destOrd="0" parTransId="{BAD4612F-E4B3-4062-BD64-1CC7A1FEE75C}" sibTransId="{B12B1329-1DE6-4C57-BB4A-0D3D943C009F}"/>
    <dgm:cxn modelId="{21082401-779F-4BED-83A9-C9BCE886CFF2}" type="presParOf" srcId="{94943FE7-360C-4147-8B72-5A32B1EBE5BF}" destId="{BA6EFDDA-2777-4371-8840-F26C3E054836}" srcOrd="0" destOrd="0" presId="urn:microsoft.com/office/officeart/2005/8/layout/radial4"/>
    <dgm:cxn modelId="{CBD97CD1-7D7F-4F08-9E4F-6B1AD4C23466}" type="presParOf" srcId="{94943FE7-360C-4147-8B72-5A32B1EBE5BF}" destId="{4E0E9B38-AB71-439A-833E-1C61F2E1554A}" srcOrd="1" destOrd="0" presId="urn:microsoft.com/office/officeart/2005/8/layout/radial4"/>
    <dgm:cxn modelId="{B5CF5FD7-07C6-452B-8E90-01FD89150895}" type="presParOf" srcId="{94943FE7-360C-4147-8B72-5A32B1EBE5BF}" destId="{5ADB4CEE-B8E4-4884-8883-4BCE88880F28}" srcOrd="2" destOrd="0" presId="urn:microsoft.com/office/officeart/2005/8/layout/radial4"/>
    <dgm:cxn modelId="{C9E2DFE3-F65E-4686-B033-16D75F610E84}" type="presParOf" srcId="{94943FE7-360C-4147-8B72-5A32B1EBE5BF}" destId="{9A37DF81-38FD-45E8-9C99-59540CBC0169}" srcOrd="3" destOrd="0" presId="urn:microsoft.com/office/officeart/2005/8/layout/radial4"/>
    <dgm:cxn modelId="{CC86668E-B11F-4DA5-AC8B-5E6C5A37FC4A}" type="presParOf" srcId="{94943FE7-360C-4147-8B72-5A32B1EBE5BF}" destId="{D6561D1B-657D-4886-B623-6474430E1622}" srcOrd="4" destOrd="0" presId="urn:microsoft.com/office/officeart/2005/8/layout/radial4"/>
    <dgm:cxn modelId="{4ADA4E91-B671-4FC1-A813-3830FC710222}" type="presParOf" srcId="{94943FE7-360C-4147-8B72-5A32B1EBE5BF}" destId="{032F3D56-CE1C-4159-90A8-60D7C25C2E2E}" srcOrd="5" destOrd="0" presId="urn:microsoft.com/office/officeart/2005/8/layout/radial4"/>
    <dgm:cxn modelId="{FF8AAD7B-2BCA-40B2-B1E0-7A8617FF6DC5}" type="presParOf" srcId="{94943FE7-360C-4147-8B72-5A32B1EBE5BF}" destId="{F146FACC-1C14-439E-A85F-70862DD55AC7}" srcOrd="6" destOrd="0" presId="urn:microsoft.com/office/officeart/2005/8/layout/radial4"/>
  </dgm:cxnLst>
  <dgm:bg/>
  <dgm:whole/>
  <dgm:extLst>
    <a:ext uri="http://schemas.microsoft.com/office/drawing/2008/diagram">
      <dsp:dataModelExt xmlns:dsp="http://schemas.microsoft.com/office/drawing/2008/diagram" relId="rId11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D9D5880-0AC2-466B-81C8-B61FD2A59FA5}">
      <dsp:nvSpPr>
        <dsp:cNvPr id="0" name=""/>
        <dsp:cNvSpPr/>
      </dsp:nvSpPr>
      <dsp:spPr>
        <a:xfrm>
          <a:off x="2843" y="904199"/>
          <a:ext cx="3848675" cy="802529"/>
        </a:xfrm>
        <a:prstGeom prst="roundRect">
          <a:avLst>
            <a:gd name="adj" fmla="val 10000"/>
          </a:avLst>
        </a:prstGeom>
        <a:solidFill>
          <a:srgbClr val="7030A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37160" tIns="137160" rIns="137160" bIns="137160" numCol="1" spcCol="1270" anchor="ctr" anchorCtr="0">
          <a:noAutofit/>
        </a:bodyPr>
        <a:lstStyle/>
        <a:p>
          <a:pPr marL="0" lvl="0" indent="0" algn="ctr" defTabSz="1600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600" kern="1200"/>
            <a:t>DATA MEMORY</a:t>
          </a:r>
          <a:endParaRPr lang="LID4096" sz="3600" kern="1200"/>
        </a:p>
      </dsp:txBody>
      <dsp:txXfrm>
        <a:off x="26348" y="927704"/>
        <a:ext cx="3801665" cy="755519"/>
      </dsp:txXfrm>
    </dsp:sp>
    <dsp:sp modelId="{E1B7A595-45CE-42F5-B449-88E3171DDA63}">
      <dsp:nvSpPr>
        <dsp:cNvPr id="0" name=""/>
        <dsp:cNvSpPr/>
      </dsp:nvSpPr>
      <dsp:spPr>
        <a:xfrm>
          <a:off x="1421" y="126"/>
          <a:ext cx="1846773" cy="802529"/>
        </a:xfrm>
        <a:prstGeom prst="roundRect">
          <a:avLst>
            <a:gd name="adj" fmla="val 10000"/>
          </a:avLst>
        </a:prstGeom>
        <a:solidFill>
          <a:srgbClr val="00B0F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37160" tIns="137160" rIns="137160" bIns="137160" numCol="1" spcCol="1270" anchor="ctr" anchorCtr="0">
          <a:noAutofit/>
        </a:bodyPr>
        <a:lstStyle/>
        <a:p>
          <a:pPr marL="0" lvl="0" indent="0" algn="ctr" defTabSz="1600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600" kern="1200"/>
            <a:t>SFRs</a:t>
          </a:r>
          <a:endParaRPr lang="LID4096" sz="3600" kern="1200"/>
        </a:p>
      </dsp:txBody>
      <dsp:txXfrm>
        <a:off x="24926" y="23631"/>
        <a:ext cx="1799763" cy="755519"/>
      </dsp:txXfrm>
    </dsp:sp>
    <dsp:sp modelId="{20AA1395-65F7-4B5A-B7D1-8ED860061639}">
      <dsp:nvSpPr>
        <dsp:cNvPr id="0" name=""/>
        <dsp:cNvSpPr/>
      </dsp:nvSpPr>
      <dsp:spPr>
        <a:xfrm>
          <a:off x="2003323" y="126"/>
          <a:ext cx="1846773" cy="802529"/>
        </a:xfrm>
        <a:prstGeom prst="roundRect">
          <a:avLst>
            <a:gd name="adj" fmla="val 10000"/>
          </a:avLst>
        </a:prstGeom>
        <a:solidFill>
          <a:srgbClr val="92D050"/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37160" tIns="137160" rIns="137160" bIns="137160" numCol="1" spcCol="1270" anchor="ctr" anchorCtr="0">
          <a:noAutofit/>
        </a:bodyPr>
        <a:lstStyle/>
        <a:p>
          <a:pPr marL="0" lvl="0" indent="0" algn="ctr" defTabSz="1600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3600" kern="1200"/>
            <a:t>GPRs</a:t>
          </a:r>
          <a:endParaRPr lang="LID4096" sz="3600" kern="1200"/>
        </a:p>
      </dsp:txBody>
      <dsp:txXfrm>
        <a:off x="2026828" y="23631"/>
        <a:ext cx="1799763" cy="755519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A6EFDDA-2777-4371-8840-F26C3E054836}">
      <dsp:nvSpPr>
        <dsp:cNvPr id="0" name=""/>
        <dsp:cNvSpPr/>
      </dsp:nvSpPr>
      <dsp:spPr>
        <a:xfrm>
          <a:off x="1364593" y="1375842"/>
          <a:ext cx="1130025" cy="1130025"/>
        </a:xfrm>
        <a:prstGeom prst="ellipse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PC to STACK</a:t>
          </a:r>
        </a:p>
      </dsp:txBody>
      <dsp:txXfrm>
        <a:off x="1530081" y="1541330"/>
        <a:ext cx="799049" cy="799049"/>
      </dsp:txXfrm>
    </dsp:sp>
    <dsp:sp modelId="{4E0E9B38-AB71-439A-833E-1C61F2E1554A}">
      <dsp:nvSpPr>
        <dsp:cNvPr id="0" name=""/>
        <dsp:cNvSpPr/>
      </dsp:nvSpPr>
      <dsp:spPr>
        <a:xfrm rot="12900000">
          <a:off x="611347" y="1169634"/>
          <a:ext cx="893628" cy="322057"/>
        </a:xfrm>
        <a:prstGeom prst="lef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1">
                <a:tint val="60000"/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tint val="60000"/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tint val="60000"/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</dsp:sp>
    <dsp:sp modelId="{5ADB4CEE-B8E4-4884-8883-4BCE88880F28}">
      <dsp:nvSpPr>
        <dsp:cNvPr id="0" name=""/>
        <dsp:cNvSpPr/>
      </dsp:nvSpPr>
      <dsp:spPr>
        <a:xfrm>
          <a:off x="155390" y="644971"/>
          <a:ext cx="1073524" cy="85881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 dirty="0"/>
            <a:t>CALL</a:t>
          </a:r>
        </a:p>
      </dsp:txBody>
      <dsp:txXfrm>
        <a:off x="180544" y="670125"/>
        <a:ext cx="1023216" cy="808511"/>
      </dsp:txXfrm>
    </dsp:sp>
    <dsp:sp modelId="{B3E3C83B-B9A6-4273-9EF7-B3EAAD137256}">
      <dsp:nvSpPr>
        <dsp:cNvPr id="0" name=""/>
        <dsp:cNvSpPr/>
      </dsp:nvSpPr>
      <dsp:spPr>
        <a:xfrm rot="16200000">
          <a:off x="1482792" y="715989"/>
          <a:ext cx="893628" cy="322057"/>
        </a:xfrm>
        <a:prstGeom prst="lef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1">
                <a:tint val="60000"/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tint val="60000"/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tint val="60000"/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</dsp:sp>
    <dsp:sp modelId="{4CFEB526-828A-4B71-9FF4-6C80EA163A65}">
      <dsp:nvSpPr>
        <dsp:cNvPr id="0" name=""/>
        <dsp:cNvSpPr/>
      </dsp:nvSpPr>
      <dsp:spPr>
        <a:xfrm>
          <a:off x="1392844" y="793"/>
          <a:ext cx="1073524" cy="85881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 dirty="0" err="1"/>
            <a:t>RCALL</a:t>
          </a:r>
          <a:endParaRPr lang="en-US" sz="2000" kern="1200" dirty="0"/>
        </a:p>
      </dsp:txBody>
      <dsp:txXfrm>
        <a:off x="1417998" y="25947"/>
        <a:ext cx="1023216" cy="808511"/>
      </dsp:txXfrm>
    </dsp:sp>
    <dsp:sp modelId="{E74E7D52-5454-417D-B5F4-30325994DEDE}">
      <dsp:nvSpPr>
        <dsp:cNvPr id="0" name=""/>
        <dsp:cNvSpPr/>
      </dsp:nvSpPr>
      <dsp:spPr>
        <a:xfrm rot="19500000">
          <a:off x="2354236" y="1169634"/>
          <a:ext cx="893628" cy="322057"/>
        </a:xfrm>
        <a:prstGeom prst="lef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1">
                <a:tint val="60000"/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tint val="60000"/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tint val="60000"/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</dsp:sp>
    <dsp:sp modelId="{E41A5BD1-43FE-4B6D-9858-CAE006C9BBB4}">
      <dsp:nvSpPr>
        <dsp:cNvPr id="0" name=""/>
        <dsp:cNvSpPr/>
      </dsp:nvSpPr>
      <dsp:spPr>
        <a:xfrm>
          <a:off x="2630297" y="644971"/>
          <a:ext cx="1073524" cy="85881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 dirty="0"/>
            <a:t>Interrupt</a:t>
          </a:r>
        </a:p>
      </dsp:txBody>
      <dsp:txXfrm>
        <a:off x="2655451" y="670125"/>
        <a:ext cx="1023216" cy="808511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A6EFDDA-2777-4371-8840-F26C3E054836}">
      <dsp:nvSpPr>
        <dsp:cNvPr id="0" name=""/>
        <dsp:cNvSpPr/>
      </dsp:nvSpPr>
      <dsp:spPr>
        <a:xfrm>
          <a:off x="1364593" y="1374860"/>
          <a:ext cx="1130025" cy="1130025"/>
        </a:xfrm>
        <a:prstGeom prst="ellipse">
          <a:avLst/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STACK to PC</a:t>
          </a:r>
        </a:p>
      </dsp:txBody>
      <dsp:txXfrm>
        <a:off x="1530081" y="1540348"/>
        <a:ext cx="799049" cy="799049"/>
      </dsp:txXfrm>
    </dsp:sp>
    <dsp:sp modelId="{4E0E9B38-AB71-439A-833E-1C61F2E1554A}">
      <dsp:nvSpPr>
        <dsp:cNvPr id="0" name=""/>
        <dsp:cNvSpPr/>
      </dsp:nvSpPr>
      <dsp:spPr>
        <a:xfrm rot="12900000">
          <a:off x="611688" y="1168766"/>
          <a:ext cx="893273" cy="322057"/>
        </a:xfrm>
        <a:prstGeom prst="lef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2">
                <a:tint val="60000"/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tint val="60000"/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tint val="60000"/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</dsp:sp>
    <dsp:sp modelId="{5ADB4CEE-B8E4-4884-8883-4BCE88880F28}">
      <dsp:nvSpPr>
        <dsp:cNvPr id="0" name=""/>
        <dsp:cNvSpPr/>
      </dsp:nvSpPr>
      <dsp:spPr>
        <a:xfrm>
          <a:off x="155699" y="644205"/>
          <a:ext cx="1073524" cy="85881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RETURN</a:t>
          </a:r>
        </a:p>
      </dsp:txBody>
      <dsp:txXfrm>
        <a:off x="180853" y="669359"/>
        <a:ext cx="1023216" cy="808511"/>
      </dsp:txXfrm>
    </dsp:sp>
    <dsp:sp modelId="{9A37DF81-38FD-45E8-9C99-59540CBC0169}">
      <dsp:nvSpPr>
        <dsp:cNvPr id="0" name=""/>
        <dsp:cNvSpPr/>
      </dsp:nvSpPr>
      <dsp:spPr>
        <a:xfrm rot="16200000">
          <a:off x="1482969" y="715206"/>
          <a:ext cx="893273" cy="322057"/>
        </a:xfrm>
        <a:prstGeom prst="lef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2">
                <a:tint val="60000"/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tint val="60000"/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tint val="60000"/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</dsp:sp>
    <dsp:sp modelId="{D6561D1B-657D-4886-B623-6474430E1622}">
      <dsp:nvSpPr>
        <dsp:cNvPr id="0" name=""/>
        <dsp:cNvSpPr/>
      </dsp:nvSpPr>
      <dsp:spPr>
        <a:xfrm>
          <a:off x="1392844" y="188"/>
          <a:ext cx="1073524" cy="85881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 err="1"/>
            <a:t>RETLW</a:t>
          </a:r>
          <a:endParaRPr lang="en-US" sz="1800" kern="1200" dirty="0"/>
        </a:p>
      </dsp:txBody>
      <dsp:txXfrm>
        <a:off x="1417998" y="25342"/>
        <a:ext cx="1023216" cy="808511"/>
      </dsp:txXfrm>
    </dsp:sp>
    <dsp:sp modelId="{032F3D56-CE1C-4159-90A8-60D7C25C2E2E}">
      <dsp:nvSpPr>
        <dsp:cNvPr id="0" name=""/>
        <dsp:cNvSpPr/>
      </dsp:nvSpPr>
      <dsp:spPr>
        <a:xfrm rot="19500000">
          <a:off x="2354251" y="1168766"/>
          <a:ext cx="893273" cy="322057"/>
        </a:xfrm>
        <a:prstGeom prst="leftArrow">
          <a:avLst>
            <a:gd name="adj1" fmla="val 60000"/>
            <a:gd name="adj2" fmla="val 50000"/>
          </a:avLst>
        </a:prstGeom>
        <a:gradFill rotWithShape="0">
          <a:gsLst>
            <a:gs pos="0">
              <a:schemeClr val="accent2">
                <a:tint val="60000"/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tint val="60000"/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tint val="60000"/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</dsp:sp>
    <dsp:sp modelId="{F146FACC-1C14-439E-A85F-70862DD55AC7}">
      <dsp:nvSpPr>
        <dsp:cNvPr id="0" name=""/>
        <dsp:cNvSpPr/>
      </dsp:nvSpPr>
      <dsp:spPr>
        <a:xfrm>
          <a:off x="2629989" y="644205"/>
          <a:ext cx="1073524" cy="858819"/>
        </a:xfrm>
        <a:prstGeom prst="roundRect">
          <a:avLst>
            <a:gd name="adj" fmla="val 10000"/>
          </a:avLst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2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2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 err="1"/>
            <a:t>RETFIE</a:t>
          </a:r>
          <a:endParaRPr lang="en-US" sz="1800" kern="1200" dirty="0"/>
        </a:p>
      </dsp:txBody>
      <dsp:txXfrm>
        <a:off x="2655143" y="669359"/>
        <a:ext cx="1023216" cy="808511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architecture">
  <dgm:title val="Architecture Layout"/>
  <dgm:desc val="Use to show hierarchical relationships that build from the bottom up. This layout works well for showing architectural components or objects that build on other objects."/>
  <dgm:catLst>
    <dgm:cat type="hierarchy" pri="4500"/>
    <dgm:cat type="list" pri="24500"/>
    <dgm:cat type="relationship" pri="10500"/>
    <dgm:cat type="officeonline" pri="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Name0">
    <dgm:varLst>
      <dgm:chPref val="1"/>
      <dgm:dir/>
      <dgm:animOne val="branch"/>
      <dgm:animLvl val="lvl"/>
      <dgm:resizeHandles/>
    </dgm:varLst>
    <dgm:choose name="Name1">
      <dgm:if name="Name2" func="var" arg="dir" op="equ" val="norm">
        <dgm:alg type="lin">
          <dgm:param type="linDir" val="fromL"/>
          <dgm:param type="nodeVertAlign" val="b"/>
        </dgm:alg>
      </dgm:if>
      <dgm:else name="Name3">
        <dgm:alg type="lin">
          <dgm:param type="linDir" val="fromR"/>
          <dgm:param type="nodeVertAlign" val="b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vertOne" refType="w"/>
      <dgm:constr type="w" for="des" forName="horzOne" refType="w"/>
      <dgm:constr type="w" for="des" forName="txOne" refType="w"/>
      <dgm:constr type="w" for="des" forName="vertTwo" refType="w"/>
      <dgm:constr type="w" for="des" forName="horzTwo" refType="w"/>
      <dgm:constr type="w" for="des" forName="txTwo" refType="w"/>
      <dgm:constr type="w" for="des" forName="vertThree" refType="w"/>
      <dgm:constr type="w" for="des" forName="horzThree" refType="w"/>
      <dgm:constr type="w" for="des" forName="txThree" refType="w"/>
      <dgm:constr type="w" for="des" forName="vertFour" refType="w"/>
      <dgm:constr type="w" for="des" forName="horzFour" refType="w"/>
      <dgm:constr type="w" for="des" forName="txFour" refType="w"/>
      <dgm:constr type="h" for="des" ptType="node" op="equ"/>
      <dgm:constr type="h" for="des" forName="txOne" refType="h"/>
      <dgm:constr type="userH" for="des" ptType="node" refType="h" refFor="des" refForName="txOne"/>
      <dgm:constr type="primFontSz" for="des" forName="txOne" val="65"/>
      <dgm:constr type="primFontSz" for="des" forName="txTwo" val="65"/>
      <dgm:constr type="primFontSz" for="des" forName="txTwo" refType="primFontSz" refFor="des" refForName="txOne" op="lte"/>
      <dgm:constr type="primFontSz" for="des" forName="txThree" val="65"/>
      <dgm:constr type="primFontSz" for="des" forName="txThree" refType="primFontSz" refFor="des" refForName="txOne" op="lte"/>
      <dgm:constr type="primFontSz" for="des" forName="txThree" refType="primFontSz" refFor="des" refForName="txTwo" op="lte"/>
      <dgm:constr type="primFontSz" for="des" forName="txFour" val="65"/>
      <dgm:constr type="primFontSz" for="des" forName="txFour" refType="primFontSz" refFor="des" refForName="txOne" op="lte"/>
      <dgm:constr type="primFontSz" for="des" forName="txFour" refType="primFontSz" refFor="des" refForName="txTwo" op="lte"/>
      <dgm:constr type="primFontSz" for="des" forName="txFour" refType="primFontSz" refFor="des" refForName="txThree" op="lte"/>
      <dgm:constr type="w" for="des" forName="sibSpaceOne" refType="w" fact="0.168"/>
      <dgm:constr type="w" for="des" forName="sibSpaceTwo" refType="w" refFor="des" refForName="sibSpaceOne" op="equ" fact="0.5"/>
      <dgm:constr type="w" for="des" forName="sibSpaceThree" refType="w" refFor="des" refForName="sibSpaceTwo" op="equ" fact="0.5"/>
      <dgm:constr type="w" for="des" forName="sibSpaceFour" refType="w" refFor="des" refForName="sibSpaceThree" op="equ" fact="0.5"/>
      <dgm:constr type="h" for="des" forName="parTransOne" refType="w" fact="0.056"/>
      <dgm:constr type="h" for="des" forName="parTransTwo" refType="h" refFor="des" refForName="parTransOne" op="equ"/>
      <dgm:constr type="h" for="des" forName="parTransThree" refType="h" refFor="des" refForName="parTransTwo" op="equ"/>
      <dgm:constr type="h" for="des" forName="parTransFour" refType="h" refFor="des" refForName="parTransThree" op="equ"/>
    </dgm:constrLst>
    <dgm:ruleLst/>
    <dgm:forEach name="Name4" axis="ch" ptType="node">
      <dgm:layoutNode name="vertOne">
        <dgm:alg type="lin">
          <dgm:param type="linDir" val="fromB"/>
        </dgm:alg>
        <dgm:shape xmlns:r="http://schemas.openxmlformats.org/officeDocument/2006/relationships" r:blip="">
          <dgm:adjLst/>
        </dgm:shape>
        <dgm:presOf/>
        <dgm:constrLst>
          <dgm:constr type="w" for="ch" forName="txOne" refType="w" refFor="ch" refForName="horzOne" op="gte"/>
        </dgm:constrLst>
        <dgm:ruleLst/>
        <dgm:layoutNode name="txOne" styleLbl="node0">
          <dgm:varLst>
            <dgm:chPref val="3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5">
          <dgm:if name="Name6" axis="des" ptType="node" func="cnt" op="gt" val="0">
            <dgm:layoutNode name="parTrans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if>
          <dgm:else name="Name7"/>
        </dgm:choose>
        <dgm:layoutNode name="horzOne">
          <dgm:choose name="Name8">
            <dgm:if name="Name9" func="var" arg="dir" op="equ" val="norm">
              <dgm:alg type="lin">
                <dgm:param type="linDir" val="fromL"/>
                <dgm:param type="nodeVertAlign" val="b"/>
              </dgm:alg>
            </dgm:if>
            <dgm:else name="Name10">
              <dgm:alg type="lin">
                <dgm:param type="linDir" val="fromR"/>
                <dgm:param type="nodeVertAlign" val="b"/>
              </dgm:alg>
            </dgm:else>
          </dgm:choose>
          <dgm:shape xmlns:r="http://schemas.openxmlformats.org/officeDocument/2006/relationships" r:blip="">
            <dgm:adjLst/>
          </dgm:shape>
          <dgm:presOf/>
          <dgm:constrLst/>
          <dgm:ruleLst>
            <dgm:rule type="w" val="INF" fact="NaN" max="NaN"/>
          </dgm:ruleLst>
          <dgm:forEach name="Name11" axis="ch" ptType="node">
            <dgm:layoutNode name="vertTwo">
              <dgm:alg type="lin">
                <dgm:param type="linDir" val="fromB"/>
              </dgm:alg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xTwo" refType="w" refFor="ch" refForName="horzTwo" op="gte"/>
              </dgm:constrLst>
              <dgm:ruleLst/>
              <dgm:layoutNode name="txTwo">
                <dgm:varLst>
                  <dgm:chPref val="3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self"/>
                <dgm:constrLst>
                  <dgm:constr type="userH"/>
                  <dgm:constr type="h" refType="userH"/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choose name="Name12">
                <dgm:if name="Name13" axis="des" ptType="node" func="cnt" op="gt" val="0">
                  <dgm:layoutNode name="parTrans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if>
                <dgm:else name="Name14"/>
              </dgm:choose>
              <dgm:layoutNode name="horzTwo">
                <dgm:choose name="Name15">
                  <dgm:if name="Name16" func="var" arg="dir" op="equ" val="norm">
                    <dgm:alg type="lin">
                      <dgm:param type="linDir" val="fromL"/>
                      <dgm:param type="nodeVertAlign" val="b"/>
                    </dgm:alg>
                  </dgm:if>
                  <dgm:else name="Name17">
                    <dgm:alg type="lin">
                      <dgm:param type="linDir" val="fromR"/>
                      <dgm:param type="nodeVertAlign" val="b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constrLst/>
                <dgm:ruleLst>
                  <dgm:rule type="w" val="INF" fact="NaN" max="NaN"/>
                </dgm:ruleLst>
                <dgm:forEach name="Name18" axis="ch" ptType="node">
                  <dgm:layoutNode name="vertThree">
                    <dgm:alg type="lin">
                      <dgm:param type="linDir" val="fromB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w" for="ch" forName="txThree" refType="w" refFor="ch" refForName="horzThree" op="gte"/>
                    </dgm:constrLst>
                    <dgm:ruleLst/>
                    <dgm:layoutNode name="txThree">
                      <dgm:varLst>
                        <dgm:chPref val="3"/>
                      </dgm:varLst>
                      <dgm:alg type="tx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self"/>
                      <dgm:constrLst>
                        <dgm:constr type="userH"/>
                        <dgm:constr type="h" refType="userH"/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choose name="Name19">
                      <dgm:if name="Name20" axis="des" ptType="node" func="cnt" op="gt" val="0">
                        <dgm:layoutNode name="parTrans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if>
                      <dgm:else name="Name21"/>
                    </dgm:choose>
                    <dgm:layoutNode name="horzThree">
                      <dgm:choose name="Name22">
                        <dgm:if name="Name23" func="var" arg="dir" op="equ" val="norm">
                          <dgm:alg type="lin">
                            <dgm:param type="linDir" val="fromL"/>
                            <dgm:param type="nodeVertAlign" val="b"/>
                          </dgm:alg>
                        </dgm:if>
                        <dgm:else name="Name24">
                          <dgm:alg type="lin">
                            <dgm:param type="linDir" val="fromR"/>
                            <dgm:param type="nodeVertAlign" val="b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constrLst/>
                      <dgm:ruleLst>
                        <dgm:rule type="w" val="INF" fact="NaN" max="NaN"/>
                      </dgm:ruleLst>
                      <dgm:forEach name="repeat" axis="ch" ptType="node">
                        <dgm:layoutNode name="vertFour">
                          <dgm:varLst>
                            <dgm:chPref val="3"/>
                          </dgm:varLst>
                          <dgm:alg type="lin">
                            <dgm:param type="linDir" val="fromB"/>
                          </dgm:alg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>
                            <dgm:constr type="w" for="ch" forName="txFour" refType="w" refFor="ch" refForName="horzFour" op="gte"/>
                          </dgm:constrLst>
                          <dgm:ruleLst/>
                          <dgm:layoutNode name="txFour">
                            <dgm:varLst>
                              <dgm:chPref val="3"/>
                            </dgm:varLst>
                            <dgm:alg type="tx"/>
                            <dgm:shape xmlns:r="http://schemas.openxmlformats.org/officeDocument/2006/relationships" type="roundRect" r:blip="">
                              <dgm:adjLst>
                                <dgm:adj idx="1" val="0.1"/>
                              </dgm:adjLst>
                            </dgm:shape>
                            <dgm:presOf axis="self"/>
                            <dgm:constrLst>
                              <dgm:constr type="userH"/>
                              <dgm:constr type="h" refType="userH"/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  <dgm:choose name="Name25">
                            <dgm:if name="Name26" axis="des" ptType="node" func="cnt" op="gt" val="0">
                              <dgm:layoutNode name="parTrans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if>
                            <dgm:else name="Name27"/>
                          </dgm:choose>
                          <dgm:layoutNode name="horzFour">
                            <dgm:choose name="Name28">
                              <dgm:if name="Name29" func="var" arg="dir" op="equ" val="norm">
                                <dgm:alg type="lin">
                                  <dgm:param type="linDir" val="fromL"/>
                                  <dgm:param type="nodeVertAlign" val="b"/>
                                </dgm:alg>
                              </dgm:if>
                              <dgm:else name="Name30">
                                <dgm:alg type="lin">
                                  <dgm:param type="linDir" val="fromR"/>
                                  <dgm:param type="nodeVertAlign" val="b"/>
                                </dgm:alg>
                              </dgm:else>
                            </dgm:choose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/>
                            <dgm:ruleLst>
                              <dgm:rule type="w" val="INF" fact="NaN" max="NaN"/>
                            </dgm:ruleLst>
                            <dgm:forEach name="Name31" ref="repeat"/>
                          </dgm:layoutNode>
                        </dgm:layoutNode>
                        <dgm:choose name="Name32">
                          <dgm:if name="Name33" axis="self" ptType="node" func="revPos" op="gte" val="2">
                            <dgm:forEach name="Name34" axis="followSib" ptType="sibTrans" cnt="1">
                              <dgm:layoutNode name="sibSpaceFour">
                                <dgm:alg type="sp"/>
                                <dgm:shape xmlns:r="http://schemas.openxmlformats.org/officeDocument/2006/relationships" r:blip="">
                                  <dgm:adjLst/>
                                </dgm:shape>
                                <dgm:presOf/>
                                <dgm:constrLst/>
                                <dgm:ruleLst/>
                              </dgm:layoutNode>
                            </dgm:forEach>
                          </dgm:if>
                          <dgm:else name="Name35"/>
                        </dgm:choose>
                      </dgm:forEach>
                    </dgm:layoutNode>
                  </dgm:layoutNode>
                  <dgm:choose name="Name36">
                    <dgm:if name="Name37" axis="self" ptType="node" func="revPos" op="gte" val="2">
                      <dgm:forEach name="Name38" axis="followSib" ptType="sibTrans" cnt="1">
                        <dgm:layoutNode name="sibSpaceThree">
                          <dgm:alg type="sp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/>
                          <dgm:ruleLst/>
                        </dgm:layoutNode>
                      </dgm:forEach>
                    </dgm:if>
                    <dgm:else name="Name39"/>
                  </dgm:choose>
                </dgm:forEach>
              </dgm:layoutNode>
            </dgm:layoutNode>
            <dgm:choose name="Name40">
              <dgm:if name="Name41" axis="self" ptType="node" func="revPos" op="gte" val="2">
                <dgm:forEach name="Name42" axis="followSib" ptType="sibTrans" cnt="1">
                  <dgm:layoutNode name="sibSpaceTwo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forEach>
              </dgm:if>
              <dgm:else name="Name43"/>
            </dgm:choose>
          </dgm:forEach>
        </dgm:layoutNode>
      </dgm:layoutNode>
      <dgm:choose name="Name44">
        <dgm:if name="Name45" axis="self" ptType="node" func="revPos" op="gte" val="2">
          <dgm:forEach name="Name46" axis="followSib" ptType="sibTrans" cnt="1">
            <dgm:layoutNode name="sibSpaceOne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if>
        <dgm:else name="Name47"/>
      </dgm:choos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radial4">
  <dgm:title val=""/>
  <dgm:desc val=""/>
  <dgm:catLst>
    <dgm:cat type="relationship" pri="19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5" srcId="1" destId="11" srcOrd="0" destOrd="0"/>
        <dgm:cxn modelId="16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12"/>
        <dgm:pt modelId="13"/>
        <dgm:pt modelId="14"/>
        <dgm:pt modelId="15"/>
        <dgm:pt modelId="16"/>
      </dgm:ptLst>
      <dgm:cxnLst>
        <dgm:cxn modelId="2" srcId="0" destId="1" srcOrd="0" destOrd="0"/>
        <dgm:cxn modelId="16" srcId="1" destId="11" srcOrd="0" destOrd="0"/>
        <dgm:cxn modelId="17" srcId="1" destId="12" srcOrd="1" destOrd="0"/>
        <dgm:cxn modelId="18" srcId="1" destId="13" srcOrd="2" destOrd="0"/>
        <dgm:cxn modelId="19" srcId="1" destId="14" srcOrd="3" destOrd="0"/>
        <dgm:cxn modelId="20" srcId="1" destId="15" srcOrd="4" destOrd="0"/>
        <dgm:cxn modelId="21" srcId="1" destId="16" srcOrd="5" destOrd="0"/>
      </dgm:cxnLst>
      <dgm:bg/>
      <dgm:whole/>
    </dgm:dataModel>
  </dgm:clrData>
  <dgm:layoutNode name="cycle">
    <dgm:varLst>
      <dgm:chMax val="1"/>
      <dgm:dir/>
      <dgm:animLvl val="ctr"/>
      <dgm:resizeHandles val="exact"/>
    </dgm:varLst>
    <dgm:choose name="Name0">
      <dgm:if name="Name1" func="var" arg="dir" op="equ" val="norm">
        <dgm:choose name="Name2">
          <dgm:if name="Name3" axis="ch ch" ptType="node node" st="1 1" cnt="1 0" func="cnt" op="lte" val="1">
            <dgm:alg type="cycle">
              <dgm:param type="stAng" val="0"/>
              <dgm:param type="spanAng" val="360"/>
              <dgm:param type="ctrShpMap" val="fNode"/>
            </dgm:alg>
          </dgm:if>
          <dgm:else name="Name4">
            <dgm:choose name="Name5">
              <dgm:if name="Name6" axis="ch ch" ptType="node node" st="1 1" cnt="1 0" func="cnt" op="lte" val="3">
                <dgm:alg type="cycle">
                  <dgm:param type="stAng" val="-55"/>
                  <dgm:param type="spanAng" val="110"/>
                  <dgm:param type="ctrShpMap" val="fNode"/>
                </dgm:alg>
              </dgm:if>
              <dgm:else name="Name7">
                <dgm:choose name="Name8">
                  <dgm:if name="Name9" axis="ch ch" ptType="node node" st="1 1" cnt="1 0" func="cnt" op="equ" val="4">
                    <dgm:alg type="cycle">
                      <dgm:param type="stAng" val="-75"/>
                      <dgm:param type="spanAng" val="150"/>
                      <dgm:param type="ctrShpMap" val="fNode"/>
                    </dgm:alg>
                  </dgm:if>
                  <dgm:else name="Name10">
                    <dgm:alg type="cycle">
                      <dgm:param type="stAng" val="-90"/>
                      <dgm:param type="spanAng" val="180"/>
                      <dgm:param type="ctrShpMap" val="fNode"/>
                    </dgm:alg>
                  </dgm:else>
                </dgm:choose>
              </dgm:else>
            </dgm:choose>
          </dgm:else>
        </dgm:choose>
      </dgm:if>
      <dgm:else name="Name11">
        <dgm:choose name="Name12">
          <dgm:if name="Name13" axis="ch ch" ptType="node node" st="1 1" cnt="1 0" func="cnt" op="lte" val="1">
            <dgm:alg type="cycle">
              <dgm:param type="stAng" val="0"/>
              <dgm:param type="spanAng" val="-360"/>
              <dgm:param type="ctrShpMap" val="fNode"/>
            </dgm:alg>
          </dgm:if>
          <dgm:else name="Name14">
            <dgm:choose name="Name15">
              <dgm:if name="Name16" axis="ch ch" ptType="node node" st="1 1" cnt="1 0" func="cnt" op="lte" val="3">
                <dgm:alg type="cycle">
                  <dgm:param type="stAng" val="55"/>
                  <dgm:param type="spanAng" val="-110"/>
                  <dgm:param type="ctrShpMap" val="fNode"/>
                </dgm:alg>
              </dgm:if>
              <dgm:else name="Name17">
                <dgm:choose name="Name18">
                  <dgm:if name="Name19" axis="ch ch" ptType="node node" st="1 1" cnt="1 0" func="cnt" op="equ" val="4">
                    <dgm:alg type="cycle">
                      <dgm:param type="stAng" val="75"/>
                      <dgm:param type="spanAng" val="-150"/>
                      <dgm:param type="ctrShpMap" val="fNode"/>
                    </dgm:alg>
                  </dgm:if>
                  <dgm:else name="Name20">
                    <dgm:alg type="cycle">
                      <dgm:param type="stAng" val="90"/>
                      <dgm:param type="spanAng" val="-180"/>
                      <dgm:param type="ctrShpMap" val="fNode"/>
                    </dgm:alg>
                  </dgm:else>
                </dgm:choose>
              </dgm:else>
            </dgm:choose>
          </dgm:else>
        </dgm:choose>
      </dgm:else>
    </dgm:choose>
    <dgm:shape xmlns:r="http://schemas.openxmlformats.org/officeDocument/2006/relationships" r:blip="">
      <dgm:adjLst/>
    </dgm:shape>
    <dgm:presOf/>
    <dgm:constrLst>
      <dgm:constr type="w" for="ch" forName="centerShape" refType="w"/>
      <dgm:constr type="w" for="ch" forName="node" refType="w" refFor="ch" refForName="centerShape" fact="0.95"/>
      <dgm:constr type="h" for="ch" forName="parTrans" refType="w" refFor="ch" refForName="centerShape" fact="0.285"/>
      <dgm:constr type="sp" refType="w" refFor="ch" refForName="centerShape" op="equ" fact="0.23"/>
      <dgm:constr type="sibSp" refType="w" refFor="ch" refForName="node" fact="0.1"/>
      <dgm:constr type="primFontSz" for="ch" forName="node" op="equ"/>
    </dgm:constrLst>
    <dgm:choose name="Name21">
      <dgm:if name="Name22" axis="ch ch" ptType="node node" st="1 1" cnt="1 0" func="cnt" op="lte" val="5">
        <dgm:ruleLst>
          <dgm:rule type="w" for="ch" forName="centerShape" val="NaN" fact="0.27" max="NaN"/>
        </dgm:ruleLst>
      </dgm:if>
      <dgm:else name="Name23">
        <dgm:ruleLst>
          <dgm:rule type="w" for="ch" forName="centerShape" val="NaN" fact="0.27" max="NaN"/>
          <dgm:rule type="w" for="ch" forName="node" val="NaN" fact="0.7" max="NaN"/>
        </dgm:ruleLst>
      </dgm:else>
    </dgm:choose>
    <dgm:forEach name="Name24" axis="ch" ptType="node" cnt="1">
      <dgm:layoutNode name="centerShape" styleLbl="node0">
        <dgm:alg type="tx"/>
        <dgm:shape xmlns:r="http://schemas.openxmlformats.org/officeDocument/2006/relationships" type="ellipse" r:blip="">
          <dgm:adjLst/>
        </dgm:shape>
        <dgm:presOf axis="self"/>
        <dgm:constrLst>
          <dgm:constr type="tMarg" refType="primFontSz" fact="0.05"/>
          <dgm:constr type="bMarg" refType="primFontSz" fact="0.05"/>
          <dgm:constr type="lMarg" refType="primFontSz" fact="0.05"/>
          <dgm:constr type="rMarg" refType="primFontSz" fact="0.05"/>
          <dgm:constr type="primFontSz" val="65"/>
          <dgm:constr type="h" refType="w"/>
        </dgm:constrLst>
        <dgm:ruleLst>
          <dgm:rule type="primFontSz" val="5" fact="NaN" max="NaN"/>
        </dgm:ruleLst>
      </dgm:layoutNode>
      <dgm:forEach name="Name25" axis="ch">
        <dgm:forEach name="Name26" axis="self" ptType="parTrans">
          <dgm:layoutNode name="parTrans" styleLbl="bgSibTrans2D1">
            <dgm:alg type="conn">
              <dgm:param type="begPts" val="auto"/>
              <dgm:param type="endPts" val="ctr"/>
              <dgm:param type="endSty" val="noArr"/>
              <dgm:param type="begSty" val="arr"/>
            </dgm:alg>
            <dgm:shape xmlns:r="http://schemas.openxmlformats.org/officeDocument/2006/relationships" type="conn" r:blip="">
              <dgm:adjLst/>
            </dgm:shape>
            <dgm:presOf axis="self"/>
            <dgm:constrLst>
              <dgm:constr type="begPad" refType="connDist" fact="0.055"/>
              <dgm:constr type="endPad"/>
            </dgm:constrLst>
            <dgm:ruleLst/>
          </dgm:layoutNode>
        </dgm:forEach>
        <dgm:forEach name="Name27" axis="self" ptType="node">
          <dgm:layoutNode name="node" styleLbl="node1">
            <dgm:varLst>
              <dgm:bulletEnabled val="1"/>
            </dgm:varLst>
            <dgm:alg type="tx"/>
            <dgm:shape xmlns:r="http://schemas.openxmlformats.org/officeDocument/2006/relationships" type="roundRect" r:blip="">
              <dgm:adjLst>
                <dgm:adj idx="1" val="0.1"/>
              </dgm:adjLst>
            </dgm:shape>
            <dgm:presOf axis="desOrSelf" ptType="node"/>
            <dgm:constrLst>
              <dgm:constr type="primFontSz" val="65"/>
              <dgm:constr type="h" refType="w" fact="0.8"/>
              <dgm:constr type="tMarg" refType="primFontSz" fact="0.15"/>
              <dgm:constr type="bMarg" refType="primFontSz" fact="0.15"/>
              <dgm:constr type="lMarg" refType="primFontSz" fact="0.15"/>
              <dgm:constr type="rMarg" refType="primFontSz" fact="0.15"/>
            </dgm:constrLst>
            <dgm:ruleLst>
              <dgm:rule type="primFontSz" val="5" fact="NaN" max="NaN"/>
            </dgm:ruleLst>
          </dgm:layoutNode>
        </dgm:forEach>
      </dgm:forEach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radial4">
  <dgm:title val=""/>
  <dgm:desc val=""/>
  <dgm:catLst>
    <dgm:cat type="relationship" pri="19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5" srcId="1" destId="11" srcOrd="0" destOrd="0"/>
        <dgm:cxn modelId="16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12"/>
        <dgm:pt modelId="13"/>
        <dgm:pt modelId="14"/>
        <dgm:pt modelId="15"/>
        <dgm:pt modelId="16"/>
      </dgm:ptLst>
      <dgm:cxnLst>
        <dgm:cxn modelId="2" srcId="0" destId="1" srcOrd="0" destOrd="0"/>
        <dgm:cxn modelId="16" srcId="1" destId="11" srcOrd="0" destOrd="0"/>
        <dgm:cxn modelId="17" srcId="1" destId="12" srcOrd="1" destOrd="0"/>
        <dgm:cxn modelId="18" srcId="1" destId="13" srcOrd="2" destOrd="0"/>
        <dgm:cxn modelId="19" srcId="1" destId="14" srcOrd="3" destOrd="0"/>
        <dgm:cxn modelId="20" srcId="1" destId="15" srcOrd="4" destOrd="0"/>
        <dgm:cxn modelId="21" srcId="1" destId="16" srcOrd="5" destOrd="0"/>
      </dgm:cxnLst>
      <dgm:bg/>
      <dgm:whole/>
    </dgm:dataModel>
  </dgm:clrData>
  <dgm:layoutNode name="cycle">
    <dgm:varLst>
      <dgm:chMax val="1"/>
      <dgm:dir/>
      <dgm:animLvl val="ctr"/>
      <dgm:resizeHandles val="exact"/>
    </dgm:varLst>
    <dgm:choose name="Name0">
      <dgm:if name="Name1" func="var" arg="dir" op="equ" val="norm">
        <dgm:choose name="Name2">
          <dgm:if name="Name3" axis="ch ch" ptType="node node" st="1 1" cnt="1 0" func="cnt" op="lte" val="1">
            <dgm:alg type="cycle">
              <dgm:param type="stAng" val="0"/>
              <dgm:param type="spanAng" val="360"/>
              <dgm:param type="ctrShpMap" val="fNode"/>
            </dgm:alg>
          </dgm:if>
          <dgm:else name="Name4">
            <dgm:choose name="Name5">
              <dgm:if name="Name6" axis="ch ch" ptType="node node" st="1 1" cnt="1 0" func="cnt" op="lte" val="3">
                <dgm:alg type="cycle">
                  <dgm:param type="stAng" val="-55"/>
                  <dgm:param type="spanAng" val="110"/>
                  <dgm:param type="ctrShpMap" val="fNode"/>
                </dgm:alg>
              </dgm:if>
              <dgm:else name="Name7">
                <dgm:choose name="Name8">
                  <dgm:if name="Name9" axis="ch ch" ptType="node node" st="1 1" cnt="1 0" func="cnt" op="equ" val="4">
                    <dgm:alg type="cycle">
                      <dgm:param type="stAng" val="-75"/>
                      <dgm:param type="spanAng" val="150"/>
                      <dgm:param type="ctrShpMap" val="fNode"/>
                    </dgm:alg>
                  </dgm:if>
                  <dgm:else name="Name10">
                    <dgm:alg type="cycle">
                      <dgm:param type="stAng" val="-90"/>
                      <dgm:param type="spanAng" val="180"/>
                      <dgm:param type="ctrShpMap" val="fNode"/>
                    </dgm:alg>
                  </dgm:else>
                </dgm:choose>
              </dgm:else>
            </dgm:choose>
          </dgm:else>
        </dgm:choose>
      </dgm:if>
      <dgm:else name="Name11">
        <dgm:choose name="Name12">
          <dgm:if name="Name13" axis="ch ch" ptType="node node" st="1 1" cnt="1 0" func="cnt" op="lte" val="1">
            <dgm:alg type="cycle">
              <dgm:param type="stAng" val="0"/>
              <dgm:param type="spanAng" val="-360"/>
              <dgm:param type="ctrShpMap" val="fNode"/>
            </dgm:alg>
          </dgm:if>
          <dgm:else name="Name14">
            <dgm:choose name="Name15">
              <dgm:if name="Name16" axis="ch ch" ptType="node node" st="1 1" cnt="1 0" func="cnt" op="lte" val="3">
                <dgm:alg type="cycle">
                  <dgm:param type="stAng" val="55"/>
                  <dgm:param type="spanAng" val="-110"/>
                  <dgm:param type="ctrShpMap" val="fNode"/>
                </dgm:alg>
              </dgm:if>
              <dgm:else name="Name17">
                <dgm:choose name="Name18">
                  <dgm:if name="Name19" axis="ch ch" ptType="node node" st="1 1" cnt="1 0" func="cnt" op="equ" val="4">
                    <dgm:alg type="cycle">
                      <dgm:param type="stAng" val="75"/>
                      <dgm:param type="spanAng" val="-150"/>
                      <dgm:param type="ctrShpMap" val="fNode"/>
                    </dgm:alg>
                  </dgm:if>
                  <dgm:else name="Name20">
                    <dgm:alg type="cycle">
                      <dgm:param type="stAng" val="90"/>
                      <dgm:param type="spanAng" val="-180"/>
                      <dgm:param type="ctrShpMap" val="fNode"/>
                    </dgm:alg>
                  </dgm:else>
                </dgm:choose>
              </dgm:else>
            </dgm:choose>
          </dgm:else>
        </dgm:choose>
      </dgm:else>
    </dgm:choose>
    <dgm:shape xmlns:r="http://schemas.openxmlformats.org/officeDocument/2006/relationships" r:blip="">
      <dgm:adjLst/>
    </dgm:shape>
    <dgm:presOf/>
    <dgm:constrLst>
      <dgm:constr type="w" for="ch" forName="centerShape" refType="w"/>
      <dgm:constr type="w" for="ch" forName="node" refType="w" refFor="ch" refForName="centerShape" fact="0.95"/>
      <dgm:constr type="h" for="ch" forName="parTrans" refType="w" refFor="ch" refForName="centerShape" fact="0.285"/>
      <dgm:constr type="sp" refType="w" refFor="ch" refForName="centerShape" op="equ" fact="0.23"/>
      <dgm:constr type="sibSp" refType="w" refFor="ch" refForName="node" fact="0.1"/>
      <dgm:constr type="primFontSz" for="ch" forName="node" op="equ"/>
    </dgm:constrLst>
    <dgm:choose name="Name21">
      <dgm:if name="Name22" axis="ch ch" ptType="node node" st="1 1" cnt="1 0" func="cnt" op="lte" val="5">
        <dgm:ruleLst>
          <dgm:rule type="w" for="ch" forName="centerShape" val="NaN" fact="0.27" max="NaN"/>
        </dgm:ruleLst>
      </dgm:if>
      <dgm:else name="Name23">
        <dgm:ruleLst>
          <dgm:rule type="w" for="ch" forName="centerShape" val="NaN" fact="0.27" max="NaN"/>
          <dgm:rule type="w" for="ch" forName="node" val="NaN" fact="0.7" max="NaN"/>
        </dgm:ruleLst>
      </dgm:else>
    </dgm:choose>
    <dgm:forEach name="Name24" axis="ch" ptType="node" cnt="1">
      <dgm:layoutNode name="centerShape" styleLbl="node0">
        <dgm:alg type="tx"/>
        <dgm:shape xmlns:r="http://schemas.openxmlformats.org/officeDocument/2006/relationships" type="ellipse" r:blip="">
          <dgm:adjLst/>
        </dgm:shape>
        <dgm:presOf axis="self"/>
        <dgm:constrLst>
          <dgm:constr type="tMarg" refType="primFontSz" fact="0.05"/>
          <dgm:constr type="bMarg" refType="primFontSz" fact="0.05"/>
          <dgm:constr type="lMarg" refType="primFontSz" fact="0.05"/>
          <dgm:constr type="rMarg" refType="primFontSz" fact="0.05"/>
          <dgm:constr type="primFontSz" val="65"/>
          <dgm:constr type="h" refType="w"/>
        </dgm:constrLst>
        <dgm:ruleLst>
          <dgm:rule type="primFontSz" val="5" fact="NaN" max="NaN"/>
        </dgm:ruleLst>
      </dgm:layoutNode>
      <dgm:forEach name="Name25" axis="ch">
        <dgm:forEach name="Name26" axis="self" ptType="parTrans">
          <dgm:layoutNode name="parTrans" styleLbl="bgSibTrans2D1">
            <dgm:alg type="conn">
              <dgm:param type="begPts" val="auto"/>
              <dgm:param type="endPts" val="ctr"/>
              <dgm:param type="endSty" val="noArr"/>
              <dgm:param type="begSty" val="arr"/>
            </dgm:alg>
            <dgm:shape xmlns:r="http://schemas.openxmlformats.org/officeDocument/2006/relationships" type="conn" r:blip="">
              <dgm:adjLst/>
            </dgm:shape>
            <dgm:presOf axis="self"/>
            <dgm:constrLst>
              <dgm:constr type="begPad" refType="connDist" fact="0.055"/>
              <dgm:constr type="endPad"/>
            </dgm:constrLst>
            <dgm:ruleLst/>
          </dgm:layoutNode>
        </dgm:forEach>
        <dgm:forEach name="Name27" axis="self" ptType="node">
          <dgm:layoutNode name="node" styleLbl="node1">
            <dgm:varLst>
              <dgm:bulletEnabled val="1"/>
            </dgm:varLst>
            <dgm:alg type="tx"/>
            <dgm:shape xmlns:r="http://schemas.openxmlformats.org/officeDocument/2006/relationships" type="roundRect" r:blip="">
              <dgm:adjLst>
                <dgm:adj idx="1" val="0.1"/>
              </dgm:adjLst>
            </dgm:shape>
            <dgm:presOf axis="desOrSelf" ptType="node"/>
            <dgm:constrLst>
              <dgm:constr type="primFontSz" val="65"/>
              <dgm:constr type="h" refType="w" fact="0.8"/>
              <dgm:constr type="tMarg" refType="primFontSz" fact="0.15"/>
              <dgm:constr type="bMarg" refType="primFontSz" fact="0.15"/>
              <dgm:constr type="lMarg" refType="primFontSz" fact="0.15"/>
              <dgm:constr type="rMarg" refType="primFontSz" fact="0.15"/>
            </dgm:constrLst>
            <dgm:ruleLst>
              <dgm:rule type="primFontSz" val="5" fact="NaN" max="NaN"/>
            </dgm:ruleLst>
          </dgm:layoutNode>
        </dgm:forEach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2F3EE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6" name="Picture 5" descr="Logo, company name&#10;&#10;Description automatically generated">
            <a:extLst>
              <a:ext uri="{FF2B5EF4-FFF2-40B4-BE49-F238E27FC236}">
                <a16:creationId xmlns:a16="http://schemas.microsoft.com/office/drawing/2014/main" id="{781B051C-8F21-5821-89F0-29DA57896CF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542" y="213776"/>
            <a:ext cx="694944" cy="6949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bg>
      <p:bgPr>
        <a:solidFill>
          <a:srgbClr val="2F3EE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Logo, company name&#10;&#10;Description automatically generated">
            <a:extLst>
              <a:ext uri="{FF2B5EF4-FFF2-40B4-BE49-F238E27FC236}">
                <a16:creationId xmlns:a16="http://schemas.microsoft.com/office/drawing/2014/main" id="{6BB53C92-6C44-2392-A33C-D9CC539612B0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14006" y="1447800"/>
            <a:ext cx="3962400" cy="396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Picture 2" descr="Logo, company name&#10;&#10;Description automatically generated">
            <a:extLst>
              <a:ext uri="{FF2B5EF4-FFF2-40B4-BE49-F238E27FC236}">
                <a16:creationId xmlns:a16="http://schemas.microsoft.com/office/drawing/2014/main" id="{A7399BEB-799A-86D6-2CC5-DB9C483E64C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15530" y="1449324"/>
            <a:ext cx="3959352" cy="39593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rgbClr val="2F3EEA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rgbClr val="2F3EEA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>
                <a:solidFill>
                  <a:srgbClr val="2F3EEA"/>
                </a:solidFill>
              </a:defRPr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>
                <a:solidFill>
                  <a:srgbClr val="2F3EEA"/>
                </a:solidFill>
              </a:defRPr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image" Target="../media/image1.png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8" name="Picture 7" descr="Logo, company name&#10;&#10;Description automatically generated">
            <a:extLst>
              <a:ext uri="{FF2B5EF4-FFF2-40B4-BE49-F238E27FC236}">
                <a16:creationId xmlns:a16="http://schemas.microsoft.com/office/drawing/2014/main" id="{EE8F52A2-1A23-6C66-47CE-AFC2B30A766C}"/>
              </a:ext>
            </a:extLst>
          </p:cNvPr>
          <p:cNvPicPr>
            <a:picLocks noChangeAspect="1"/>
          </p:cNvPicPr>
          <p:nvPr userDrawn="1"/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806" y="208684"/>
            <a:ext cx="697998" cy="6979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2F3EEA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2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2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2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2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2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4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5.xml"/><Relationship Id="rId4" Type="http://schemas.openxmlformats.org/officeDocument/2006/relationships/image" Target="../media/image17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0.pn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4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png"/><Relationship Id="rId3" Type="http://schemas.openxmlformats.org/officeDocument/2006/relationships/diagramLayout" Target="../diagrams/layout1.xml"/><Relationship Id="rId7" Type="http://schemas.openxmlformats.org/officeDocument/2006/relationships/image" Target="../media/image24.png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4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30.png"/><Relationship Id="rId5" Type="http://schemas.openxmlformats.org/officeDocument/2006/relationships/image" Target="../media/image29.png"/><Relationship Id="rId4" Type="http://schemas.openxmlformats.org/officeDocument/2006/relationships/image" Target="../media/image28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4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4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4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4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6.xml.rels><?xml version="1.0" encoding="UTF-8" standalone="yes"?>
<Relationships xmlns="http://schemas.openxmlformats.org/package/2006/relationships"><Relationship Id="rId8" Type="http://schemas.openxmlformats.org/officeDocument/2006/relationships/diagramLayout" Target="../diagrams/layout3.xml"/><Relationship Id="rId3" Type="http://schemas.openxmlformats.org/officeDocument/2006/relationships/diagramLayout" Target="../diagrams/layout2.xml"/><Relationship Id="rId7" Type="http://schemas.openxmlformats.org/officeDocument/2006/relationships/diagramData" Target="../diagrams/data3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2.xml"/><Relationship Id="rId11" Type="http://schemas.microsoft.com/office/2007/relationships/diagramDrawing" Target="../diagrams/drawing3.xml"/><Relationship Id="rId5" Type="http://schemas.openxmlformats.org/officeDocument/2006/relationships/diagramColors" Target="../diagrams/colors2.xml"/><Relationship Id="rId10" Type="http://schemas.openxmlformats.org/officeDocument/2006/relationships/diagramColors" Target="../diagrams/colors3.xml"/><Relationship Id="rId4" Type="http://schemas.openxmlformats.org/officeDocument/2006/relationships/diagramQuickStyle" Target="../diagrams/quickStyle2.xml"/><Relationship Id="rId9" Type="http://schemas.openxmlformats.org/officeDocument/2006/relationships/diagramQuickStyle" Target="../diagrams/quickStyle3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42B233AF-83C7-39D1-575A-0484D2E9BB5C}"/>
              </a:ext>
            </a:extLst>
          </p:cNvPr>
          <p:cNvSpPr/>
          <p:nvPr/>
        </p:nvSpPr>
        <p:spPr bwMode="auto">
          <a:xfrm>
            <a:off x="8728678" y="2221992"/>
            <a:ext cx="3388583" cy="4209881"/>
          </a:xfrm>
          <a:prstGeom prst="roundRect">
            <a:avLst>
              <a:gd name="adj" fmla="val 4924"/>
            </a:avLst>
          </a:prstGeom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686D3FA-FDB1-9C17-714A-4DB91D8E1C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PIPELINING</a:t>
            </a:r>
            <a:endParaRPr lang="LID4096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0CD4012-EF0C-B74B-B098-3DAAF39C29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6855229" cy="4545578"/>
          </a:xfrm>
        </p:spPr>
        <p:txBody>
          <a:bodyPr/>
          <a:lstStyle/>
          <a:p>
            <a:r>
              <a:rPr lang="en-US"/>
              <a:t>As a pipelined processor, the CPU is able to carry out one instruction per cycle:</a:t>
            </a:r>
          </a:p>
          <a:p>
            <a:pPr lvl="1"/>
            <a:r>
              <a:rPr lang="en-US"/>
              <a:t>EXECUTION of one of the program instructions</a:t>
            </a:r>
          </a:p>
          <a:p>
            <a:pPr lvl="1"/>
            <a:r>
              <a:rPr lang="en-US"/>
              <a:t>FETCH of the following program instruction</a:t>
            </a:r>
          </a:p>
          <a:p>
            <a:r>
              <a:rPr lang="en-US"/>
              <a:t>The time it takes to execute a single-cycle instruction is called Cycle Time, TCY</a:t>
            </a:r>
          </a:p>
          <a:p>
            <a:pPr lvl="1"/>
            <a:r>
              <a:rPr lang="en-US"/>
              <a:t>One TCY comprises four clock cycles</a:t>
            </a:r>
          </a:p>
          <a:p>
            <a:endParaRPr lang="LID4096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AE809CC-2A01-68C1-D07E-74C000B2E9F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E605A8E-539D-1074-0F7F-A534E17DF0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12835" y="2345482"/>
            <a:ext cx="3205703" cy="1918693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EDA2381D-02B4-294B-467C-E7AC8228860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152" y="4077072"/>
            <a:ext cx="8446385" cy="1796029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592ACDCF-701B-FD83-FEBD-56975F5DAEF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184249" y="4444142"/>
            <a:ext cx="2657533" cy="1897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0709742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680EA11-3CE4-CD72-FF8D-3A9BA76FE00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INSTRUCTIONS IN PROGRAM MEMORY</a:t>
            </a:r>
            <a:endParaRPr lang="LID4096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B6C1063-562E-3BE1-3354-BF3544A183C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anchor="ctr"/>
          <a:lstStyle/>
          <a:p>
            <a:r>
              <a:rPr lang="en-US"/>
              <a:t>Program memory is addressed per byte</a:t>
            </a:r>
          </a:p>
          <a:p>
            <a:r>
              <a:rPr lang="en-US"/>
              <a:t>PC is incremented by 2 </a:t>
            </a:r>
          </a:p>
          <a:p>
            <a:r>
              <a:rPr lang="en-US"/>
              <a:t>Instructions are stored in two bytes or four bytes</a:t>
            </a:r>
          </a:p>
          <a:p>
            <a:pPr lvl="1"/>
            <a:r>
              <a:rPr lang="en-US"/>
              <a:t>LSB is always stored on an even address</a:t>
            </a:r>
          </a:p>
          <a:p>
            <a:pPr lvl="1"/>
            <a:r>
              <a:rPr lang="en-US"/>
              <a:t>1 x TCY instructions are stored in two bytes</a:t>
            </a:r>
          </a:p>
          <a:p>
            <a:pPr lvl="1"/>
            <a:r>
              <a:rPr lang="en-US"/>
              <a:t>2 x TCY instructions are stored in four bytes</a:t>
            </a:r>
          </a:p>
        </p:txBody>
      </p:sp>
      <p:pic>
        <p:nvPicPr>
          <p:cNvPr id="16" name="Picture Placeholder 15">
            <a:extLst>
              <a:ext uri="{FF2B5EF4-FFF2-40B4-BE49-F238E27FC236}">
                <a16:creationId xmlns:a16="http://schemas.microsoft.com/office/drawing/2014/main" id="{60CD152C-CF0D-A76B-EB8C-DB9CB3E18B0F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2"/>
          <a:srcRect l="-25864" r="-25864"/>
          <a:stretch/>
        </p:blipFill>
        <p:spPr/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49F6F39-E795-D9A4-CFC5-888D3A414B9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14" name="Content Placeholder 9">
            <a:extLst>
              <a:ext uri="{FF2B5EF4-FFF2-40B4-BE49-F238E27FC236}">
                <a16:creationId xmlns:a16="http://schemas.microsoft.com/office/drawing/2014/main" id="{5D5C932B-91C9-1E49-89A0-E96E20BE2E42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3"/>
          <a:srcRect l="-25554" r="-25554"/>
          <a:stretch/>
        </p:blipFill>
        <p:spPr>
          <a:xfrm>
            <a:off x="8331200" y="849313"/>
            <a:ext cx="3859213" cy="2506662"/>
          </a:xfr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D9696D93-6485-0883-48B8-B679935C0D8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147434" y="4077072"/>
            <a:ext cx="1090080" cy="2888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0217421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C01502-1BDA-8895-8077-9F7BC6D8AB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LID4096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120640E-A885-2412-C36A-DD8E3C6B9951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endParaRPr lang="LID4096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788FC7A-7047-6F9C-81B2-7D7C58011F94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endParaRPr lang="LID4096"/>
          </a:p>
        </p:txBody>
      </p:sp>
      <p:pic>
        <p:nvPicPr>
          <p:cNvPr id="13" name="Picture Placeholder 12">
            <a:extLst>
              <a:ext uri="{FF2B5EF4-FFF2-40B4-BE49-F238E27FC236}">
                <a16:creationId xmlns:a16="http://schemas.microsoft.com/office/drawing/2014/main" id="{C52FB02C-E055-5C64-2C6D-B6AE6F761A44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 rotWithShape="1">
          <a:blip r:embed="rId2"/>
          <a:srcRect l="-3424" r="-3424"/>
          <a:stretch/>
        </p:blipFill>
        <p:spPr>
          <a:xfrm>
            <a:off x="247650" y="2624912"/>
            <a:ext cx="3740400" cy="2664000"/>
          </a:xfrm>
        </p:spPr>
      </p:pic>
      <p:pic>
        <p:nvPicPr>
          <p:cNvPr id="15" name="Picture Placeholder 14">
            <a:extLst>
              <a:ext uri="{FF2B5EF4-FFF2-40B4-BE49-F238E27FC236}">
                <a16:creationId xmlns:a16="http://schemas.microsoft.com/office/drawing/2014/main" id="{4FF25913-7B46-A0CD-95CF-199A9643C90C}"/>
              </a:ext>
            </a:extLst>
          </p:cNvPr>
          <p:cNvPicPr>
            <a:picLocks noGrp="1" noChangeAspect="1"/>
          </p:cNvPicPr>
          <p:nvPr>
            <p:ph type="pic" sz="quarter" idx="19"/>
          </p:nvPr>
        </p:nvPicPr>
        <p:blipFill rotWithShape="1">
          <a:blip r:embed="rId3"/>
          <a:srcRect l="-3733" r="-3733"/>
          <a:stretch/>
        </p:blipFill>
        <p:spPr>
          <a:xfrm>
            <a:off x="4223149" y="2627211"/>
            <a:ext cx="3740400" cy="2664000"/>
          </a:xfrm>
        </p:spPr>
      </p:pic>
      <p:pic>
        <p:nvPicPr>
          <p:cNvPr id="17" name="Picture Placeholder 16">
            <a:extLst>
              <a:ext uri="{FF2B5EF4-FFF2-40B4-BE49-F238E27FC236}">
                <a16:creationId xmlns:a16="http://schemas.microsoft.com/office/drawing/2014/main" id="{C47AF0FC-298E-46D8-F667-66F4FAFF9A3C}"/>
              </a:ext>
            </a:extLst>
          </p:cNvPr>
          <p:cNvPicPr>
            <a:picLocks noGrp="1" noChangeAspect="1"/>
          </p:cNvPicPr>
          <p:nvPr>
            <p:ph type="pic" sz="quarter" idx="20"/>
          </p:nvPr>
        </p:nvPicPr>
        <p:blipFill rotWithShape="1">
          <a:blip r:embed="rId4"/>
          <a:srcRect l="-3449" r="-3449"/>
          <a:stretch/>
        </p:blipFill>
        <p:spPr>
          <a:xfrm>
            <a:off x="8198648" y="2624912"/>
            <a:ext cx="3740400" cy="2664000"/>
          </a:xfrm>
        </p:spPr>
      </p:pic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CDCFF852-FF55-8183-9245-02862A0BB22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1348550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itle 37">
            <a:extLst>
              <a:ext uri="{FF2B5EF4-FFF2-40B4-BE49-F238E27FC236}">
                <a16:creationId xmlns:a16="http://schemas.microsoft.com/office/drawing/2014/main" id="{4CF32978-3944-3E20-DFB3-4721065E8C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EXAMPLE</a:t>
            </a:r>
            <a:endParaRPr lang="LID4096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F16F9B2-B23E-841F-0C4C-A2C7B206786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46" name="Content Placeholder 45">
            <a:extLst>
              <a:ext uri="{FF2B5EF4-FFF2-40B4-BE49-F238E27FC236}">
                <a16:creationId xmlns:a16="http://schemas.microsoft.com/office/drawing/2014/main" id="{9975ADA6-EC0F-9D28-5EFA-D889D33993D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039599" y="1628800"/>
            <a:ext cx="8795477" cy="4622775"/>
          </a:xfrm>
        </p:spPr>
      </p:pic>
      <p:sp>
        <p:nvSpPr>
          <p:cNvPr id="47" name="Rectangle 46">
            <a:extLst>
              <a:ext uri="{FF2B5EF4-FFF2-40B4-BE49-F238E27FC236}">
                <a16:creationId xmlns:a16="http://schemas.microsoft.com/office/drawing/2014/main" id="{91AE9E5B-E00A-CFFE-C30E-5925B395AF94}"/>
              </a:ext>
            </a:extLst>
          </p:cNvPr>
          <p:cNvSpPr/>
          <p:nvPr/>
        </p:nvSpPr>
        <p:spPr bwMode="auto">
          <a:xfrm>
            <a:off x="2107200" y="6021288"/>
            <a:ext cx="1503729" cy="392305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E1ABD56C-BECB-1701-C8CA-E595CDD7B9F2}"/>
              </a:ext>
            </a:extLst>
          </p:cNvPr>
          <p:cNvSpPr/>
          <p:nvPr/>
        </p:nvSpPr>
        <p:spPr bwMode="auto">
          <a:xfrm>
            <a:off x="9331347" y="6021287"/>
            <a:ext cx="1503729" cy="392305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58367834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itle 37">
            <a:extLst>
              <a:ext uri="{FF2B5EF4-FFF2-40B4-BE49-F238E27FC236}">
                <a16:creationId xmlns:a16="http://schemas.microsoft.com/office/drawing/2014/main" id="{4CF32978-3944-3E20-DFB3-4721065E8C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EXAMPLE</a:t>
            </a:r>
            <a:endParaRPr lang="LID4096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F16F9B2-B23E-841F-0C4C-A2C7B206786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91AE9E5B-E00A-CFFE-C30E-5925B395AF94}"/>
              </a:ext>
            </a:extLst>
          </p:cNvPr>
          <p:cNvSpPr/>
          <p:nvPr/>
        </p:nvSpPr>
        <p:spPr bwMode="auto">
          <a:xfrm>
            <a:off x="2107200" y="6021288"/>
            <a:ext cx="1503729" cy="392305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E1ABD56C-BECB-1701-C8CA-E595CDD7B9F2}"/>
              </a:ext>
            </a:extLst>
          </p:cNvPr>
          <p:cNvSpPr/>
          <p:nvPr/>
        </p:nvSpPr>
        <p:spPr bwMode="auto">
          <a:xfrm>
            <a:off x="9331347" y="6021287"/>
            <a:ext cx="1503729" cy="392305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9" name="Content Placeholder 8">
            <a:extLst>
              <a:ext uri="{FF2B5EF4-FFF2-40B4-BE49-F238E27FC236}">
                <a16:creationId xmlns:a16="http://schemas.microsoft.com/office/drawing/2014/main" id="{5CFDBF66-B747-1A7E-314F-AB09BE80241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026754" y="1664804"/>
            <a:ext cx="8762112" cy="4545012"/>
          </a:xfrm>
        </p:spPr>
      </p:pic>
      <p:sp>
        <p:nvSpPr>
          <p:cNvPr id="10" name="Rectangle 9">
            <a:extLst>
              <a:ext uri="{FF2B5EF4-FFF2-40B4-BE49-F238E27FC236}">
                <a16:creationId xmlns:a16="http://schemas.microsoft.com/office/drawing/2014/main" id="{AA49A292-0953-7F5A-B02A-0B54C09335E4}"/>
              </a:ext>
            </a:extLst>
          </p:cNvPr>
          <p:cNvSpPr/>
          <p:nvPr/>
        </p:nvSpPr>
        <p:spPr bwMode="auto">
          <a:xfrm>
            <a:off x="2107200" y="6045004"/>
            <a:ext cx="1503729" cy="392305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05BF316-1D90-1F6F-CCB1-C54B1A598CBF}"/>
              </a:ext>
            </a:extLst>
          </p:cNvPr>
          <p:cNvSpPr/>
          <p:nvPr/>
        </p:nvSpPr>
        <p:spPr bwMode="auto">
          <a:xfrm>
            <a:off x="9331347" y="6045003"/>
            <a:ext cx="1503729" cy="392305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33441E0-7B18-0A73-33A4-63B762EAE8AE}"/>
              </a:ext>
            </a:extLst>
          </p:cNvPr>
          <p:cNvSpPr txBox="1"/>
          <p:nvPr/>
        </p:nvSpPr>
        <p:spPr>
          <a:xfrm>
            <a:off x="7211330" y="3032956"/>
            <a:ext cx="1944216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>
                <a:solidFill>
                  <a:srgbClr val="FF0000"/>
                </a:solidFill>
                <a:latin typeface="+mn-lt"/>
              </a:rPr>
              <a:t>Why 3 and not 6?</a:t>
            </a:r>
            <a:endParaRPr lang="LID4096" dirty="0" err="1">
              <a:solidFill>
                <a:srgbClr val="FF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6110346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itle 37">
            <a:extLst>
              <a:ext uri="{FF2B5EF4-FFF2-40B4-BE49-F238E27FC236}">
                <a16:creationId xmlns:a16="http://schemas.microsoft.com/office/drawing/2014/main" id="{4CF32978-3944-3E20-DFB3-4721065E8C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EXAMPLE</a:t>
            </a:r>
            <a:endParaRPr lang="LID4096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F16F9B2-B23E-841F-0C4C-A2C7B206786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91AE9E5B-E00A-CFFE-C30E-5925B395AF94}"/>
              </a:ext>
            </a:extLst>
          </p:cNvPr>
          <p:cNvSpPr/>
          <p:nvPr/>
        </p:nvSpPr>
        <p:spPr bwMode="auto">
          <a:xfrm>
            <a:off x="2107200" y="6021288"/>
            <a:ext cx="1503729" cy="392305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E1ABD56C-BECB-1701-C8CA-E595CDD7B9F2}"/>
              </a:ext>
            </a:extLst>
          </p:cNvPr>
          <p:cNvSpPr/>
          <p:nvPr/>
        </p:nvSpPr>
        <p:spPr bwMode="auto">
          <a:xfrm>
            <a:off x="9331347" y="6021287"/>
            <a:ext cx="1503729" cy="392305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AA49A292-0953-7F5A-B02A-0B54C09335E4}"/>
              </a:ext>
            </a:extLst>
          </p:cNvPr>
          <p:cNvSpPr/>
          <p:nvPr/>
        </p:nvSpPr>
        <p:spPr bwMode="auto">
          <a:xfrm>
            <a:off x="2107200" y="6045004"/>
            <a:ext cx="1503729" cy="392305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05BF316-1D90-1F6F-CCB1-C54B1A598CBF}"/>
              </a:ext>
            </a:extLst>
          </p:cNvPr>
          <p:cNvSpPr/>
          <p:nvPr/>
        </p:nvSpPr>
        <p:spPr bwMode="auto">
          <a:xfrm>
            <a:off x="9331347" y="6045003"/>
            <a:ext cx="1503729" cy="392305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F56FDFF9-5BF5-10E5-EB22-E0697BC97743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991653" y="1700808"/>
            <a:ext cx="8676061" cy="4284474"/>
          </a:xfr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832207E2-FD80-6C4A-7D9C-C612D8397552}"/>
              </a:ext>
            </a:extLst>
          </p:cNvPr>
          <p:cNvSpPr txBox="1"/>
          <p:nvPr/>
        </p:nvSpPr>
        <p:spPr>
          <a:xfrm>
            <a:off x="7247334" y="3032956"/>
            <a:ext cx="2164459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>
                <a:solidFill>
                  <a:srgbClr val="FF0000"/>
                </a:solidFill>
                <a:latin typeface="+mn-lt"/>
              </a:rPr>
              <a:t>Why 3 and not 6?</a:t>
            </a:r>
            <a:endParaRPr lang="LID4096" dirty="0" err="1">
              <a:solidFill>
                <a:srgbClr val="FF0000"/>
              </a:solidFill>
              <a:latin typeface="+mn-lt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7B26FF1-8B10-AEF6-9048-F71D6DD8CF12}"/>
              </a:ext>
            </a:extLst>
          </p:cNvPr>
          <p:cNvSpPr/>
          <p:nvPr/>
        </p:nvSpPr>
        <p:spPr bwMode="auto">
          <a:xfrm>
            <a:off x="6491250" y="4088258"/>
            <a:ext cx="4091798" cy="1159951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74302960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1E08DD-13DB-C63D-B4AA-5598208E69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PROGRAM COUNTER, PC[20:0]</a:t>
            </a:r>
            <a:endParaRPr lang="LID4096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2D24D5-BDA6-81EB-7E83-D194FDD7307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3063440"/>
          </a:xfrm>
        </p:spPr>
        <p:txBody>
          <a:bodyPr>
            <a:normAutofit fontScale="92500" lnSpcReduction="10000"/>
          </a:bodyPr>
          <a:lstStyle/>
          <a:p>
            <a:pPr marL="0" indent="0">
              <a:buNone/>
            </a:pPr>
            <a:r>
              <a:rPr lang="en-US"/>
              <a:t>Points to the address of next instruction</a:t>
            </a:r>
          </a:p>
          <a:p>
            <a:r>
              <a:rPr lang="en-US"/>
              <a:t>In PIC18 has a length of 21 bits, thus</a:t>
            </a:r>
          </a:p>
          <a:p>
            <a:pPr marL="0" indent="0" algn="ctr">
              <a:buNone/>
            </a:pPr>
            <a:r>
              <a:rPr lang="en-US"/>
              <a:t> </a:t>
            </a:r>
            <a:r>
              <a:rPr lang="en-US" b="1"/>
              <a:t>2</a:t>
            </a:r>
            <a:r>
              <a:rPr lang="en-US" b="1" baseline="30000"/>
              <a:t>21 </a:t>
            </a:r>
            <a:r>
              <a:rPr lang="en-US" b="1"/>
              <a:t>= 20,097,152 addresses </a:t>
            </a:r>
          </a:p>
          <a:p>
            <a:pPr marL="0" indent="0" algn="ctr">
              <a:buNone/>
            </a:pPr>
            <a:r>
              <a:rPr lang="en-US" b="1"/>
              <a:t>= 2 MBytes</a:t>
            </a:r>
          </a:p>
          <a:p>
            <a:r>
              <a:rPr lang="en-US"/>
              <a:t>Those 21 bits are split in three registers</a:t>
            </a:r>
          </a:p>
          <a:p>
            <a:r>
              <a:rPr lang="en-US"/>
              <a:t>Contents of PCLATH and PCLATU are transfered to PCH and PCU by any operation that writes on PCL</a:t>
            </a:r>
          </a:p>
          <a:p>
            <a:r>
              <a:rPr lang="en-US"/>
              <a:t>Conversely, contents of PCLATH and PCLATU are transfered to PCH and PCU by any operation that writes on PCL</a:t>
            </a:r>
          </a:p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1BA6C5B-BACA-109D-AFF9-42F2CC2BB38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graphicFrame>
        <p:nvGraphicFramePr>
          <p:cNvPr id="9" name="Table 6">
            <a:extLst>
              <a:ext uri="{FF2B5EF4-FFF2-40B4-BE49-F238E27FC236}">
                <a16:creationId xmlns:a16="http://schemas.microsoft.com/office/drawing/2014/main" id="{BF6FD89B-7CD9-7F04-346F-DEC4EC11D5C4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94720093"/>
              </p:ext>
            </p:extLst>
          </p:nvPr>
        </p:nvGraphicFramePr>
        <p:xfrm>
          <a:off x="1414686" y="4833156"/>
          <a:ext cx="5256584" cy="1483360"/>
        </p:xfrm>
        <a:graphic>
          <a:graphicData uri="http://schemas.openxmlformats.org/drawingml/2006/table">
            <a:tbl>
              <a:tblPr firstRow="1" bandRow="1">
                <a:tableStyleId>{638B1855-1B75-4FBE-930C-398BA8C253C6}</a:tableStyleId>
              </a:tblPr>
              <a:tblGrid>
                <a:gridCol w="989088">
                  <a:extLst>
                    <a:ext uri="{9D8B030D-6E8A-4147-A177-3AD203B41FA5}">
                      <a16:colId xmlns:a16="http://schemas.microsoft.com/office/drawing/2014/main" val="3954446142"/>
                    </a:ext>
                  </a:extLst>
                </a:gridCol>
                <a:gridCol w="1315168">
                  <a:extLst>
                    <a:ext uri="{9D8B030D-6E8A-4147-A177-3AD203B41FA5}">
                      <a16:colId xmlns:a16="http://schemas.microsoft.com/office/drawing/2014/main" val="1699789103"/>
                    </a:ext>
                  </a:extLst>
                </a:gridCol>
                <a:gridCol w="1404156">
                  <a:extLst>
                    <a:ext uri="{9D8B030D-6E8A-4147-A177-3AD203B41FA5}">
                      <a16:colId xmlns:a16="http://schemas.microsoft.com/office/drawing/2014/main" val="1781051540"/>
                    </a:ext>
                  </a:extLst>
                </a:gridCol>
                <a:gridCol w="1548172">
                  <a:extLst>
                    <a:ext uri="{9D8B030D-6E8A-4147-A177-3AD203B41FA5}">
                      <a16:colId xmlns:a16="http://schemas.microsoft.com/office/drawing/2014/main" val="292514109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REG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MEANING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RANGE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ACCESS</a:t>
                      </a:r>
                      <a:endParaRPr lang="LID4096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3638331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/>
                        <a:t>PCL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/>
                        <a:t>Low byte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/>
                        <a:t>PC[7:0]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/>
                        <a:t>R/W</a:t>
                      </a:r>
                      <a:endParaRPr lang="LID4096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315196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/>
                        <a:t>PCH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/>
                        <a:t>High byte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/>
                        <a:t>PC[15:8]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/>
                        <a:t>PCLATH</a:t>
                      </a:r>
                      <a:endParaRPr lang="LID4096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5071701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/>
                        <a:t>PCU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/>
                        <a:t>Upper byte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/>
                        <a:t>PC[20:16]</a:t>
                      </a:r>
                      <a:endParaRPr lang="LID4096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/>
                        <a:t>PCLATU</a:t>
                      </a:r>
                      <a:endParaRPr lang="LID4096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304484089"/>
                  </a:ext>
                </a:extLst>
              </a:tr>
            </a:tbl>
          </a:graphicData>
        </a:graphic>
      </p:graphicFrame>
      <p:pic>
        <p:nvPicPr>
          <p:cNvPr id="10" name="Picture Placeholder 15">
            <a:extLst>
              <a:ext uri="{FF2B5EF4-FFF2-40B4-BE49-F238E27FC236}">
                <a16:creationId xmlns:a16="http://schemas.microsoft.com/office/drawing/2014/main" id="{02EBF181-C762-F823-844A-386880C7675F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2"/>
          <a:srcRect l="-25864" r="-25864"/>
          <a:stretch/>
        </p:blipFill>
        <p:spPr>
          <a:xfrm>
            <a:off x="8075426" y="3448621"/>
            <a:ext cx="4408487" cy="2862234"/>
          </a:xfrm>
        </p:spPr>
      </p:pic>
      <p:grpSp>
        <p:nvGrpSpPr>
          <p:cNvPr id="21" name="Group 20">
            <a:extLst>
              <a:ext uri="{FF2B5EF4-FFF2-40B4-BE49-F238E27FC236}">
                <a16:creationId xmlns:a16="http://schemas.microsoft.com/office/drawing/2014/main" id="{761D4D42-DA79-2058-96BE-98D588553C5D}"/>
              </a:ext>
            </a:extLst>
          </p:cNvPr>
          <p:cNvGrpSpPr/>
          <p:nvPr/>
        </p:nvGrpSpPr>
        <p:grpSpPr>
          <a:xfrm>
            <a:off x="8007102" y="4087914"/>
            <a:ext cx="1157409" cy="180020"/>
            <a:chOff x="8003418" y="4329100"/>
            <a:chExt cx="1157409" cy="180020"/>
          </a:xfrm>
        </p:grpSpPr>
        <p:cxnSp>
          <p:nvCxnSpPr>
            <p:cNvPr id="13" name="Straight Arrow Connector 12">
              <a:extLst>
                <a:ext uri="{FF2B5EF4-FFF2-40B4-BE49-F238E27FC236}">
                  <a16:creationId xmlns:a16="http://schemas.microsoft.com/office/drawing/2014/main" id="{21335ABF-41F0-6610-F0B6-422B1669FC1B}"/>
                </a:ext>
              </a:extLst>
            </p:cNvPr>
            <p:cNvCxnSpPr>
              <a:cxnSpLocks/>
              <a:stCxn id="11" idx="3"/>
            </p:cNvCxnSpPr>
            <p:nvPr/>
          </p:nvCxnSpPr>
          <p:spPr bwMode="auto">
            <a:xfrm>
              <a:off x="8903518" y="4419110"/>
              <a:ext cx="257309" cy="0"/>
            </a:xfrm>
            <a:prstGeom prst="straightConnector1">
              <a:avLst/>
            </a:prstGeom>
            <a:ln w="38100">
              <a:solidFill>
                <a:srgbClr val="2F3EEA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" name="Rectangle: Rounded Corners 10">
              <a:extLst>
                <a:ext uri="{FF2B5EF4-FFF2-40B4-BE49-F238E27FC236}">
                  <a16:creationId xmlns:a16="http://schemas.microsoft.com/office/drawing/2014/main" id="{49138F92-0722-A6F0-01C5-565AEE23BE78}"/>
                </a:ext>
              </a:extLst>
            </p:cNvPr>
            <p:cNvSpPr/>
            <p:nvPr/>
          </p:nvSpPr>
          <p:spPr bwMode="auto">
            <a:xfrm>
              <a:off x="8003418" y="4329100"/>
              <a:ext cx="900100" cy="180020"/>
            </a:xfrm>
            <a:prstGeom prst="roundRect">
              <a:avLst>
                <a:gd name="adj" fmla="val 36824"/>
              </a:avLst>
            </a:prstGeom>
            <a:solidFill>
              <a:srgbClr val="2F3EEA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en-US" sz="1100" b="0" i="0" u="none" strike="noStrike" cap="none" normalizeH="0" baseline="0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rPr>
                <a:t>PC=0000b</a:t>
              </a:r>
              <a:endParaRPr kumimoji="0" lang="LID4096" sz="1100" b="0" i="0" u="none" strike="noStrike" cap="none" normalizeH="0" baseline="-2500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2" name="Group 21">
            <a:extLst>
              <a:ext uri="{FF2B5EF4-FFF2-40B4-BE49-F238E27FC236}">
                <a16:creationId xmlns:a16="http://schemas.microsoft.com/office/drawing/2014/main" id="{83AB6E16-F2DD-F2A6-BABA-F2436E221043}"/>
              </a:ext>
            </a:extLst>
          </p:cNvPr>
          <p:cNvGrpSpPr/>
          <p:nvPr/>
        </p:nvGrpSpPr>
        <p:grpSpPr>
          <a:xfrm>
            <a:off x="8007102" y="4309001"/>
            <a:ext cx="1157409" cy="180020"/>
            <a:chOff x="8003418" y="4329100"/>
            <a:chExt cx="1157409" cy="180020"/>
          </a:xfrm>
        </p:grpSpPr>
        <p:cxnSp>
          <p:nvCxnSpPr>
            <p:cNvPr id="23" name="Straight Arrow Connector 22">
              <a:extLst>
                <a:ext uri="{FF2B5EF4-FFF2-40B4-BE49-F238E27FC236}">
                  <a16:creationId xmlns:a16="http://schemas.microsoft.com/office/drawing/2014/main" id="{3E90722C-6744-D00E-73D6-D7EEF3CA726C}"/>
                </a:ext>
              </a:extLst>
            </p:cNvPr>
            <p:cNvCxnSpPr>
              <a:cxnSpLocks/>
              <a:stCxn id="24" idx="3"/>
            </p:cNvCxnSpPr>
            <p:nvPr/>
          </p:nvCxnSpPr>
          <p:spPr bwMode="auto">
            <a:xfrm>
              <a:off x="8903518" y="4419110"/>
              <a:ext cx="257309" cy="0"/>
            </a:xfrm>
            <a:prstGeom prst="straightConnector1">
              <a:avLst/>
            </a:prstGeom>
            <a:ln w="38100">
              <a:solidFill>
                <a:srgbClr val="2F3EEA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Rectangle: Rounded Corners 23">
              <a:extLst>
                <a:ext uri="{FF2B5EF4-FFF2-40B4-BE49-F238E27FC236}">
                  <a16:creationId xmlns:a16="http://schemas.microsoft.com/office/drawing/2014/main" id="{4FBEF6FE-6168-4610-EFBD-DED39D48E273}"/>
                </a:ext>
              </a:extLst>
            </p:cNvPr>
            <p:cNvSpPr/>
            <p:nvPr/>
          </p:nvSpPr>
          <p:spPr bwMode="auto">
            <a:xfrm>
              <a:off x="8003418" y="4329100"/>
              <a:ext cx="900100" cy="180020"/>
            </a:xfrm>
            <a:prstGeom prst="roundRect">
              <a:avLst>
                <a:gd name="adj" fmla="val 36824"/>
              </a:avLst>
            </a:prstGeom>
            <a:solidFill>
              <a:srgbClr val="2F3EEA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en-US" sz="1100" b="0" i="0" u="none" strike="noStrike" cap="none" normalizeH="0" baseline="0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rPr>
                <a:t>PC=0010b</a:t>
              </a:r>
              <a:endParaRPr kumimoji="0" lang="LID4096" sz="1100" b="0" i="0" u="none" strike="noStrike" cap="none" normalizeH="0" baseline="-2500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5" name="Group 24">
            <a:extLst>
              <a:ext uri="{FF2B5EF4-FFF2-40B4-BE49-F238E27FC236}">
                <a16:creationId xmlns:a16="http://schemas.microsoft.com/office/drawing/2014/main" id="{E6C8E30A-AE0F-FC0B-15B6-820BDEF0F567}"/>
              </a:ext>
            </a:extLst>
          </p:cNvPr>
          <p:cNvGrpSpPr/>
          <p:nvPr/>
        </p:nvGrpSpPr>
        <p:grpSpPr>
          <a:xfrm>
            <a:off x="8007102" y="4530088"/>
            <a:ext cx="1157409" cy="180020"/>
            <a:chOff x="8003418" y="4329100"/>
            <a:chExt cx="1157409" cy="180020"/>
          </a:xfrm>
        </p:grpSpPr>
        <p:cxnSp>
          <p:nvCxnSpPr>
            <p:cNvPr id="26" name="Straight Arrow Connector 25">
              <a:extLst>
                <a:ext uri="{FF2B5EF4-FFF2-40B4-BE49-F238E27FC236}">
                  <a16:creationId xmlns:a16="http://schemas.microsoft.com/office/drawing/2014/main" id="{AA8B83C2-66CB-3287-CAFE-00F5EF5C2EC8}"/>
                </a:ext>
              </a:extLst>
            </p:cNvPr>
            <p:cNvCxnSpPr>
              <a:cxnSpLocks/>
              <a:stCxn id="27" idx="3"/>
            </p:cNvCxnSpPr>
            <p:nvPr/>
          </p:nvCxnSpPr>
          <p:spPr bwMode="auto">
            <a:xfrm>
              <a:off x="8903518" y="4419110"/>
              <a:ext cx="257309" cy="0"/>
            </a:xfrm>
            <a:prstGeom prst="straightConnector1">
              <a:avLst/>
            </a:prstGeom>
            <a:ln w="38100">
              <a:solidFill>
                <a:srgbClr val="2F3EEA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7" name="Rectangle: Rounded Corners 26">
              <a:extLst>
                <a:ext uri="{FF2B5EF4-FFF2-40B4-BE49-F238E27FC236}">
                  <a16:creationId xmlns:a16="http://schemas.microsoft.com/office/drawing/2014/main" id="{CF953649-B90F-0A3E-20C6-AB93DDAF9CB4}"/>
                </a:ext>
              </a:extLst>
            </p:cNvPr>
            <p:cNvSpPr/>
            <p:nvPr/>
          </p:nvSpPr>
          <p:spPr bwMode="auto">
            <a:xfrm>
              <a:off x="8003418" y="4329100"/>
              <a:ext cx="900100" cy="180020"/>
            </a:xfrm>
            <a:prstGeom prst="roundRect">
              <a:avLst>
                <a:gd name="adj" fmla="val 36824"/>
              </a:avLst>
            </a:prstGeom>
            <a:solidFill>
              <a:srgbClr val="2F3EEA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en-US" sz="1100" b="0" i="0" u="none" strike="noStrike" cap="none" normalizeH="0" baseline="0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rPr>
                <a:t>PC=0100b</a:t>
              </a:r>
              <a:endParaRPr kumimoji="0" lang="LID4096" sz="1100" b="0" i="0" u="none" strike="noStrike" cap="none" normalizeH="0" baseline="-2500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8" name="Group 27">
            <a:extLst>
              <a:ext uri="{FF2B5EF4-FFF2-40B4-BE49-F238E27FC236}">
                <a16:creationId xmlns:a16="http://schemas.microsoft.com/office/drawing/2014/main" id="{89204CD0-5D63-82FE-9D3D-B4A72F369057}"/>
              </a:ext>
            </a:extLst>
          </p:cNvPr>
          <p:cNvGrpSpPr/>
          <p:nvPr/>
        </p:nvGrpSpPr>
        <p:grpSpPr>
          <a:xfrm>
            <a:off x="8007102" y="4751176"/>
            <a:ext cx="1157409" cy="180020"/>
            <a:chOff x="8003418" y="4329100"/>
            <a:chExt cx="1157409" cy="180020"/>
          </a:xfrm>
        </p:grpSpPr>
        <p:cxnSp>
          <p:nvCxnSpPr>
            <p:cNvPr id="29" name="Straight Arrow Connector 28">
              <a:extLst>
                <a:ext uri="{FF2B5EF4-FFF2-40B4-BE49-F238E27FC236}">
                  <a16:creationId xmlns:a16="http://schemas.microsoft.com/office/drawing/2014/main" id="{446AD56A-4FF0-50F5-51D4-832CBECF6880}"/>
                </a:ext>
              </a:extLst>
            </p:cNvPr>
            <p:cNvCxnSpPr>
              <a:cxnSpLocks/>
              <a:stCxn id="30" idx="3"/>
            </p:cNvCxnSpPr>
            <p:nvPr/>
          </p:nvCxnSpPr>
          <p:spPr bwMode="auto">
            <a:xfrm>
              <a:off x="8903518" y="4419110"/>
              <a:ext cx="257309" cy="0"/>
            </a:xfrm>
            <a:prstGeom prst="straightConnector1">
              <a:avLst/>
            </a:prstGeom>
            <a:ln w="38100">
              <a:solidFill>
                <a:srgbClr val="2F3EEA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0" name="Rectangle: Rounded Corners 29">
              <a:extLst>
                <a:ext uri="{FF2B5EF4-FFF2-40B4-BE49-F238E27FC236}">
                  <a16:creationId xmlns:a16="http://schemas.microsoft.com/office/drawing/2014/main" id="{9ADD1E59-259A-BF7D-6274-941BB58D809C}"/>
                </a:ext>
              </a:extLst>
            </p:cNvPr>
            <p:cNvSpPr/>
            <p:nvPr/>
          </p:nvSpPr>
          <p:spPr bwMode="auto">
            <a:xfrm>
              <a:off x="8003418" y="4329100"/>
              <a:ext cx="900100" cy="180020"/>
            </a:xfrm>
            <a:prstGeom prst="roundRect">
              <a:avLst>
                <a:gd name="adj" fmla="val 36824"/>
              </a:avLst>
            </a:prstGeom>
            <a:solidFill>
              <a:srgbClr val="2F3EEA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en-US" sz="1100" b="0" i="0" u="none" strike="noStrike" cap="none" normalizeH="0" baseline="0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rPr>
                <a:t>PC=0110b</a:t>
              </a:r>
              <a:endParaRPr kumimoji="0" lang="LID4096" sz="1100" b="0" i="0" u="none" strike="noStrike" cap="none" normalizeH="0" baseline="-2500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34" name="Content Placeholder 2">
            <a:extLst>
              <a:ext uri="{FF2B5EF4-FFF2-40B4-BE49-F238E27FC236}">
                <a16:creationId xmlns:a16="http://schemas.microsoft.com/office/drawing/2014/main" id="{3841CD2D-470C-1E2C-B631-5D57FFDBAC10}"/>
              </a:ext>
            </a:extLst>
          </p:cNvPr>
          <p:cNvSpPr txBox="1">
            <a:spLocks/>
          </p:cNvSpPr>
          <p:nvPr/>
        </p:nvSpPr>
        <p:spPr bwMode="auto">
          <a:xfrm>
            <a:off x="8541594" y="1719465"/>
            <a:ext cx="2964856" cy="1556883"/>
          </a:xfrm>
          <a:prstGeom prst="roundRect">
            <a:avLst/>
          </a:prstGeom>
          <a:ln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vert="horz" wrap="square" lIns="144000" tIns="0" rIns="144000" bIns="0" numCol="1" anchor="ctr" anchorCtr="0" compatLnSpc="1">
            <a:prstTxWarp prst="textNoShape">
              <a:avLst/>
            </a:prstTxWarp>
            <a:normAutofit/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2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2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2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2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US" sz="1700" kern="0">
                <a:solidFill>
                  <a:schemeClr val="bg1">
                    <a:lumMod val="95000"/>
                  </a:schemeClr>
                </a:solidFill>
              </a:rPr>
              <a:t>LSB of PC is fixed to 0 and increments are by 2 to keep PC aligned to full instruction addresses</a:t>
            </a:r>
          </a:p>
        </p:txBody>
      </p:sp>
    </p:spTree>
    <p:extLst>
      <p:ext uri="{BB962C8B-B14F-4D97-AF65-F5344CB8AC3E}">
        <p14:creationId xmlns:p14="http://schemas.microsoft.com/office/powerpoint/2010/main" val="7810016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7C9399-AEC1-19C4-A666-76E7C1027CF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Special Function Registers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A864493-C257-F2BA-172D-F5CCAB623D3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s-MX" dirty="0" err="1"/>
              <a:t>TE2015</a:t>
            </a:r>
            <a:r>
              <a:rPr lang="es-MX" dirty="0"/>
              <a:t> Microcontroladores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32A3AC-7658-1A0D-0172-90050638A58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8692196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C7167D-D9A7-D0D4-2E3F-6A39F378125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RAM DATA MEMORY</a:t>
            </a:r>
            <a:endParaRPr lang="LID4096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FBB4B95-CA66-41B8-A680-50D88D92788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2946737"/>
          </a:xfrm>
        </p:spPr>
        <p:txBody>
          <a:bodyPr>
            <a:normAutofit fontScale="92500" lnSpcReduction="10000"/>
          </a:bodyPr>
          <a:lstStyle/>
          <a:p>
            <a:r>
              <a:rPr lang="en-US"/>
              <a:t>12-bit addresses</a:t>
            </a:r>
          </a:p>
          <a:p>
            <a:pPr marL="0" indent="0" algn="ctr">
              <a:buNone/>
            </a:pPr>
            <a:r>
              <a:rPr lang="en-US" b="1"/>
              <a:t>2</a:t>
            </a:r>
            <a:r>
              <a:rPr lang="en-US" b="1" baseline="30000"/>
              <a:t>12 </a:t>
            </a:r>
            <a:r>
              <a:rPr lang="en-US" b="1"/>
              <a:t>= 4096 addresses = 4 KBytes</a:t>
            </a:r>
          </a:p>
          <a:p>
            <a:r>
              <a:rPr lang="en-US"/>
              <a:t>It holds </a:t>
            </a:r>
          </a:p>
          <a:p>
            <a:pPr lvl="1"/>
            <a:r>
              <a:rPr lang="en-US" b="1"/>
              <a:t>Special Function Registers (SFRs)</a:t>
            </a:r>
          </a:p>
          <a:p>
            <a:pPr lvl="2"/>
            <a:r>
              <a:rPr lang="en-US"/>
              <a:t>Control and status of µC</a:t>
            </a:r>
          </a:p>
          <a:p>
            <a:pPr lvl="2"/>
            <a:r>
              <a:rPr lang="en-US"/>
              <a:t>Control and configuration of peripherals</a:t>
            </a:r>
          </a:p>
          <a:p>
            <a:pPr lvl="1"/>
            <a:r>
              <a:rPr lang="en-US" b="1"/>
              <a:t>General Function Registers (GPRs)</a:t>
            </a:r>
          </a:p>
          <a:p>
            <a:pPr lvl="2"/>
            <a:r>
              <a:rPr lang="en-US"/>
              <a:t>To store user data and variables</a:t>
            </a:r>
          </a:p>
          <a:p>
            <a:pPr lvl="2"/>
            <a:r>
              <a:rPr lang="en-US"/>
              <a:t>For fast memory access, we bank the memory</a:t>
            </a:r>
          </a:p>
          <a:p>
            <a:pPr lvl="2"/>
            <a:endParaRPr lang="en-US"/>
          </a:p>
          <a:p>
            <a:pPr marL="0" indent="0">
              <a:buNone/>
            </a:pPr>
            <a:endParaRPr lang="LID4096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B4F8D69-6A57-2C9E-F5A2-1A739B08C15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EABD6B9B-78BB-21DA-47D5-0929F7704E91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948668738"/>
              </p:ext>
            </p:extLst>
          </p:nvPr>
        </p:nvGraphicFramePr>
        <p:xfrm>
          <a:off x="2054128" y="4636947"/>
          <a:ext cx="3851519" cy="1706729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pic>
        <p:nvPicPr>
          <p:cNvPr id="13" name="Content Placeholder 12">
            <a:extLst>
              <a:ext uri="{FF2B5EF4-FFF2-40B4-BE49-F238E27FC236}">
                <a16:creationId xmlns:a16="http://schemas.microsoft.com/office/drawing/2014/main" id="{783C928D-9F8D-86CA-A5AE-925878EA3B22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7"/>
          <a:stretch>
            <a:fillRect/>
          </a:stretch>
        </p:blipFill>
        <p:spPr>
          <a:xfrm>
            <a:off x="8594201" y="1509896"/>
            <a:ext cx="3017714" cy="4546600"/>
          </a:xfr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E516C5DE-3956-3104-57BC-D2670F147834}"/>
              </a:ext>
            </a:extLst>
          </p:cNvPr>
          <p:cNvGrpSpPr/>
          <p:nvPr/>
        </p:nvGrpSpPr>
        <p:grpSpPr>
          <a:xfrm>
            <a:off x="7262026" y="1808820"/>
            <a:ext cx="1296144" cy="612068"/>
            <a:chOff x="1421" y="126"/>
            <a:chExt cx="1846773" cy="802529"/>
          </a:xfrm>
        </p:grpSpPr>
        <p:sp>
          <p:nvSpPr>
            <p:cNvPr id="15" name="Rectangle: Rounded Corners 14">
              <a:extLst>
                <a:ext uri="{FF2B5EF4-FFF2-40B4-BE49-F238E27FC236}">
                  <a16:creationId xmlns:a16="http://schemas.microsoft.com/office/drawing/2014/main" id="{9B694F3A-4D28-5B1C-BBB8-4CA4131EC3FD}"/>
                </a:ext>
              </a:extLst>
            </p:cNvPr>
            <p:cNvSpPr/>
            <p:nvPr/>
          </p:nvSpPr>
          <p:spPr>
            <a:xfrm>
              <a:off x="1421" y="126"/>
              <a:ext cx="1846773" cy="802529"/>
            </a:xfrm>
            <a:prstGeom prst="roundRect">
              <a:avLst>
                <a:gd name="adj" fmla="val 22450"/>
              </a:avLst>
            </a:prstGeom>
            <a:solidFill>
              <a:srgbClr val="00B0F0"/>
            </a:solidFill>
          </p:spPr>
          <p:style>
            <a:lnRef idx="0">
              <a:schemeClr val="lt1">
                <a:hueOff val="0"/>
                <a:satOff val="0"/>
                <a:lumOff val="0"/>
                <a:alphaOff val="0"/>
              </a:schemeClr>
            </a:lnRef>
            <a:fillRef idx="3">
              <a:scrgbClr r="0" g="0" b="0"/>
            </a:fillRef>
            <a:effectRef idx="2">
              <a:schemeClr val="accent2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</p:sp>
        <p:sp>
          <p:nvSpPr>
            <p:cNvPr id="16" name="Rectangle: Rounded Corners 4">
              <a:extLst>
                <a:ext uri="{FF2B5EF4-FFF2-40B4-BE49-F238E27FC236}">
                  <a16:creationId xmlns:a16="http://schemas.microsoft.com/office/drawing/2014/main" id="{100067ED-1760-B48F-ADA5-F935EEC9FE97}"/>
                </a:ext>
              </a:extLst>
            </p:cNvPr>
            <p:cNvSpPr txBox="1"/>
            <p:nvPr/>
          </p:nvSpPr>
          <p:spPr>
            <a:xfrm>
              <a:off x="24926" y="23631"/>
              <a:ext cx="1799763" cy="755519"/>
            </a:xfrm>
            <a:prstGeom prst="rect">
              <a:avLst/>
            </a:prstGeom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137160" tIns="137160" rIns="137160" bIns="137160" numCol="1" spcCol="1270" anchor="ctr" anchorCtr="0">
              <a:noAutofit/>
            </a:bodyPr>
            <a:lstStyle/>
            <a:p>
              <a:pPr marL="0" lvl="0" indent="0" algn="ctr" defTabSz="1600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US" sz="2800" kern="1200"/>
                <a:t>SFRs</a:t>
              </a:r>
              <a:endParaRPr lang="LID4096" sz="2800" kern="1200"/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D89676E8-2CE0-A01E-C92E-36E147B910D8}"/>
              </a:ext>
            </a:extLst>
          </p:cNvPr>
          <p:cNvGrpSpPr/>
          <p:nvPr/>
        </p:nvGrpSpPr>
        <p:grpSpPr>
          <a:xfrm>
            <a:off x="7262026" y="2430016"/>
            <a:ext cx="1296144" cy="3289556"/>
            <a:chOff x="2003323" y="126"/>
            <a:chExt cx="1846773" cy="802529"/>
          </a:xfrm>
          <a:solidFill>
            <a:srgbClr val="92D050"/>
          </a:solidFill>
        </p:grpSpPr>
        <p:sp>
          <p:nvSpPr>
            <p:cNvPr id="18" name="Rectangle: Rounded Corners 17">
              <a:extLst>
                <a:ext uri="{FF2B5EF4-FFF2-40B4-BE49-F238E27FC236}">
                  <a16:creationId xmlns:a16="http://schemas.microsoft.com/office/drawing/2014/main" id="{4DB831B6-4F82-752A-68E7-0590ABB01FDB}"/>
                </a:ext>
              </a:extLst>
            </p:cNvPr>
            <p:cNvSpPr/>
            <p:nvPr/>
          </p:nvSpPr>
          <p:spPr>
            <a:xfrm>
              <a:off x="2003323" y="126"/>
              <a:ext cx="1846773" cy="802529"/>
            </a:xfrm>
            <a:prstGeom prst="roundRect">
              <a:avLst>
                <a:gd name="adj" fmla="val 10000"/>
              </a:avLst>
            </a:prstGeom>
            <a:grpFill/>
          </p:spPr>
          <p:style>
            <a:lnRef idx="0">
              <a:schemeClr val="lt1">
                <a:hueOff val="0"/>
                <a:satOff val="0"/>
                <a:lumOff val="0"/>
                <a:alphaOff val="0"/>
              </a:schemeClr>
            </a:lnRef>
            <a:fillRef idx="3">
              <a:scrgbClr r="0" g="0" b="0"/>
            </a:fillRef>
            <a:effectRef idx="2">
              <a:schemeClr val="accent2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</p:sp>
        <p:sp>
          <p:nvSpPr>
            <p:cNvPr id="19" name="Rectangle: Rounded Corners 4">
              <a:extLst>
                <a:ext uri="{FF2B5EF4-FFF2-40B4-BE49-F238E27FC236}">
                  <a16:creationId xmlns:a16="http://schemas.microsoft.com/office/drawing/2014/main" id="{AE4BB06B-3082-F3B3-8963-D4233E45EE1B}"/>
                </a:ext>
              </a:extLst>
            </p:cNvPr>
            <p:cNvSpPr txBox="1"/>
            <p:nvPr/>
          </p:nvSpPr>
          <p:spPr>
            <a:xfrm>
              <a:off x="2026828" y="23631"/>
              <a:ext cx="1799763" cy="755519"/>
            </a:xfrm>
            <a:prstGeom prst="rect">
              <a:avLst/>
            </a:prstGeom>
            <a:grpFill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137160" tIns="137160" rIns="137160" bIns="137160" numCol="1" spcCol="1270" anchor="ctr" anchorCtr="0">
              <a:noAutofit/>
            </a:bodyPr>
            <a:lstStyle/>
            <a:p>
              <a:pPr marL="0" lvl="0" indent="0" algn="ctr" defTabSz="1600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US" sz="2800" kern="1200"/>
                <a:t>GPRs</a:t>
              </a:r>
              <a:endParaRPr lang="LID4096" sz="2800" kern="1200"/>
            </a:p>
          </p:txBody>
        </p:sp>
      </p:grpSp>
      <p:pic>
        <p:nvPicPr>
          <p:cNvPr id="1026" name="Picture 2" descr="Mplab Logo PNG Vectors Free Download">
            <a:extLst>
              <a:ext uri="{FF2B5EF4-FFF2-40B4-BE49-F238E27FC236}">
                <a16:creationId xmlns:a16="http://schemas.microsoft.com/office/drawing/2014/main" id="{8759E1F0-4B50-2D98-6D77-909EF66450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864947" y="3501008"/>
            <a:ext cx="1058858" cy="9917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6" name="TextBox 45">
            <a:extLst>
              <a:ext uri="{FF2B5EF4-FFF2-40B4-BE49-F238E27FC236}">
                <a16:creationId xmlns:a16="http://schemas.microsoft.com/office/drawing/2014/main" id="{48F3F8A1-3F5B-90F4-D409-5ED1027FF659}"/>
              </a:ext>
            </a:extLst>
          </p:cNvPr>
          <p:cNvSpPr txBox="1"/>
          <p:nvPr/>
        </p:nvSpPr>
        <p:spPr>
          <a:xfrm rot="16200000">
            <a:off x="5473338" y="3506196"/>
            <a:ext cx="2949525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3600" dirty="0">
                <a:solidFill>
                  <a:schemeClr val="tx2"/>
                </a:solidFill>
                <a:latin typeface="+mn-lt"/>
              </a:rPr>
              <a:t>PIC18F57Q43</a:t>
            </a:r>
            <a:endParaRPr lang="LID4096" dirty="0" err="1">
              <a:solidFill>
                <a:schemeClr val="tx2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7490169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F4D1C85-92E6-E31C-8F46-D290AE28BF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BANK SELECT REGISTER, BSR</a:t>
            </a:r>
            <a:endParaRPr lang="LID4096"/>
          </a:p>
        </p:txBody>
      </p:sp>
      <p:pic>
        <p:nvPicPr>
          <p:cNvPr id="12" name="Content Placeholder 11">
            <a:extLst>
              <a:ext uri="{FF2B5EF4-FFF2-40B4-BE49-F238E27FC236}">
                <a16:creationId xmlns:a16="http://schemas.microsoft.com/office/drawing/2014/main" id="{DAD7C934-2BAC-C627-6E29-B0454AD50DE0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7571370" y="1815146"/>
            <a:ext cx="1468744" cy="2162927"/>
          </a:xfr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3EBAFF2-3833-0565-1309-E23C40D4BD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69FB9E97-0014-4342-81E3-C862180A5901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/>
              <a:t>We can access every memory location by using its full 12-bit address</a:t>
            </a:r>
          </a:p>
          <a:p>
            <a:pPr lvl="1"/>
            <a:r>
              <a:rPr lang="en-US"/>
              <a:t>This is called Access Bank</a:t>
            </a:r>
          </a:p>
          <a:p>
            <a:r>
              <a:rPr lang="en-US"/>
              <a:t>Or we can use a register called Bank Select Register, BSR</a:t>
            </a:r>
          </a:p>
          <a:p>
            <a:pPr lvl="1"/>
            <a:r>
              <a:rPr lang="en-US"/>
              <a:t>We just need the 4 most significant bits of an address</a:t>
            </a:r>
          </a:p>
          <a:p>
            <a:pPr lvl="1"/>
            <a:r>
              <a:rPr lang="en-US"/>
              <a:t>The instruction includes the remaining 8 bits</a:t>
            </a:r>
          </a:p>
          <a:p>
            <a:pPr lvl="1"/>
            <a:r>
              <a:rPr lang="en-US"/>
              <a:t>To load those 4 bits to BSR, we use </a:t>
            </a:r>
            <a:r>
              <a:rPr lang="en-US">
                <a:solidFill>
                  <a:srgbClr val="FF0099"/>
                </a:solidFill>
                <a:latin typeface="Cascadia Code" panose="020B0609020000020004" pitchFamily="49" charset="0"/>
                <a:cs typeface="Cascadia Code" panose="020B0609020000020004" pitchFamily="49" charset="0"/>
              </a:rPr>
              <a:t>MOVLB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C21FF47B-73DA-89A3-05F9-7E9842A903B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513485" y="1815146"/>
            <a:ext cx="1902721" cy="746276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88016798-70F0-99FF-A7CF-DF37D17E171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918742" y="5013181"/>
            <a:ext cx="4600489" cy="1528019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76CDAA89-1332-FFB0-5E39-313575AB88E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71370" y="4066870"/>
            <a:ext cx="1491017" cy="2186329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363F005B-9421-C898-04F7-6F3B0776431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502012" y="4072998"/>
            <a:ext cx="1893536" cy="7462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849076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/>
              <a:t>PIC18</a:t>
            </a:r>
            <a:r>
              <a:rPr lang="en-GB" dirty="0"/>
              <a:t> Microcontroller Architecture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err="1"/>
              <a:t>TE2015</a:t>
            </a:r>
            <a:r>
              <a:rPr lang="en-GB" dirty="0"/>
              <a:t> </a:t>
            </a:r>
            <a:r>
              <a:rPr lang="en-GB" dirty="0" err="1"/>
              <a:t>Microcontroladores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A309B0-A3E7-707D-2E82-3AC7B3C91B3A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8"/>
            <a:ext cx="4410177" cy="2966625"/>
          </a:xfrm>
        </p:spPr>
        <p:txBody>
          <a:bodyPr anchor="ctr">
            <a:normAutofit/>
          </a:bodyPr>
          <a:lstStyle/>
          <a:p>
            <a:pPr marL="0" indent="0">
              <a:buNone/>
            </a:pPr>
            <a:r>
              <a:rPr lang="en-US" sz="1000" b="1" dirty="0"/>
              <a:t>Open PIC18F4550 datasheet and go to section 5.3 Data Memory Organization.</a:t>
            </a:r>
          </a:p>
          <a:p>
            <a:r>
              <a:rPr lang="en-US" sz="1000" dirty="0"/>
              <a:t>How many data memory banks are available for the 4550 device? </a:t>
            </a:r>
            <a:r>
              <a:rPr lang="en-US" sz="1000" dirty="0">
                <a:solidFill>
                  <a:srgbClr val="FF0000"/>
                </a:solidFill>
              </a:rPr>
              <a:t>15 banks</a:t>
            </a:r>
          </a:p>
          <a:p>
            <a:r>
              <a:rPr lang="en-US" sz="1000" dirty="0"/>
              <a:t>How many of these are implemented and how many are not implemented? </a:t>
            </a:r>
            <a:r>
              <a:rPr lang="en-US" sz="1000" dirty="0">
                <a:solidFill>
                  <a:srgbClr val="FF0000"/>
                </a:solidFill>
              </a:rPr>
              <a:t>9 are implemented and 7 are not implemented</a:t>
            </a:r>
          </a:p>
          <a:p>
            <a:r>
              <a:rPr lang="en-US" sz="1000" dirty="0"/>
              <a:t>What is the size of each bank (in bytes)? </a:t>
            </a:r>
            <a:r>
              <a:rPr lang="en-US" sz="1000" dirty="0">
                <a:solidFill>
                  <a:srgbClr val="FF0000"/>
                </a:solidFill>
              </a:rPr>
              <a:t>256 bytes</a:t>
            </a:r>
          </a:p>
          <a:p>
            <a:r>
              <a:rPr lang="en-US" sz="1000" dirty="0"/>
              <a:t>What is the address range for Bank 3? </a:t>
            </a:r>
            <a:r>
              <a:rPr lang="en-US" sz="1000" dirty="0" err="1">
                <a:solidFill>
                  <a:srgbClr val="FF0000"/>
                </a:solidFill>
              </a:rPr>
              <a:t>0x300</a:t>
            </a:r>
            <a:r>
              <a:rPr lang="en-US" sz="1000" dirty="0">
                <a:solidFill>
                  <a:srgbClr val="FF0000"/>
                </a:solidFill>
              </a:rPr>
              <a:t> to </a:t>
            </a:r>
            <a:r>
              <a:rPr lang="en-US" sz="1000" dirty="0" err="1">
                <a:solidFill>
                  <a:srgbClr val="FF0000"/>
                </a:solidFill>
              </a:rPr>
              <a:t>0x3FF</a:t>
            </a:r>
            <a:endParaRPr lang="en-US" sz="1000" dirty="0">
              <a:solidFill>
                <a:srgbClr val="FF0000"/>
              </a:solidFill>
            </a:endParaRPr>
          </a:p>
          <a:p>
            <a:pPr marL="0" indent="0">
              <a:buNone/>
            </a:pPr>
            <a:endParaRPr lang="en-US" sz="1000" dirty="0"/>
          </a:p>
          <a:p>
            <a:pPr marL="0" indent="0">
              <a:buNone/>
            </a:pPr>
            <a:r>
              <a:rPr lang="en-US" sz="1000" b="1" dirty="0"/>
              <a:t>Use MPLAB X to simulate data load in PIC18F4550 through the Bank Select Register:</a:t>
            </a:r>
          </a:p>
          <a:p>
            <a:r>
              <a:rPr lang="en-US" sz="1000" dirty="0"/>
              <a:t>Load </a:t>
            </a:r>
            <a:r>
              <a:rPr lang="en-US" sz="1000" dirty="0" err="1"/>
              <a:t>0xFA</a:t>
            </a:r>
            <a:r>
              <a:rPr lang="en-US" sz="1000" dirty="0"/>
              <a:t> on address 0x100 in Bank 1</a:t>
            </a:r>
          </a:p>
          <a:p>
            <a:r>
              <a:rPr lang="en-US" sz="1000" dirty="0"/>
              <a:t>Load 9</a:t>
            </a:r>
            <a:r>
              <a:rPr lang="en-US" sz="1000" baseline="-25000" dirty="0"/>
              <a:t>10</a:t>
            </a:r>
            <a:r>
              <a:rPr lang="en-US" sz="1000" dirty="0"/>
              <a:t> on address 0x200 in Bank 2</a:t>
            </a:r>
          </a:p>
          <a:p>
            <a:r>
              <a:rPr lang="en-US" sz="1000" dirty="0"/>
              <a:t>Load </a:t>
            </a:r>
            <a:r>
              <a:rPr lang="en-US" sz="1000" dirty="0" err="1"/>
              <a:t>0xA0</a:t>
            </a:r>
            <a:r>
              <a:rPr lang="en-US" sz="1000" dirty="0"/>
              <a:t> on address 0x345</a:t>
            </a:r>
          </a:p>
          <a:p>
            <a:r>
              <a:rPr lang="en-US" sz="1000" dirty="0"/>
              <a:t>Load 156</a:t>
            </a:r>
            <a:r>
              <a:rPr lang="en-US" sz="1000" baseline="-25000" dirty="0"/>
              <a:t>10</a:t>
            </a:r>
            <a:r>
              <a:rPr lang="en-US" sz="1000" dirty="0"/>
              <a:t> ton address </a:t>
            </a:r>
            <a:r>
              <a:rPr lang="en-US" sz="1000" dirty="0" err="1"/>
              <a:t>0x710</a:t>
            </a:r>
            <a:endParaRPr lang="en-US" sz="1000" dirty="0"/>
          </a:p>
          <a:p>
            <a:r>
              <a:rPr lang="en-US" sz="1000" dirty="0"/>
              <a:t>What happens if we specify an address but do not switch to its corresponding bank?</a:t>
            </a:r>
            <a:endParaRPr lang="LID4096" sz="100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B517934-053F-FF86-552E-F307D2D9DA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AMPLE WITH PIC18F4550</a:t>
            </a:r>
            <a:endParaRPr lang="LID4096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15B9DF5E-BCD5-64B0-3E19-F6216086F809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7141808" y="1825625"/>
            <a:ext cx="3239209" cy="4351338"/>
          </a:xfrm>
        </p:spPr>
      </p:pic>
      <p:pic>
        <p:nvPicPr>
          <p:cNvPr id="13" name="Content Placeholder 11">
            <a:extLst>
              <a:ext uri="{FF2B5EF4-FFF2-40B4-BE49-F238E27FC236}">
                <a16:creationId xmlns:a16="http://schemas.microsoft.com/office/drawing/2014/main" id="{EBA6DABB-A380-2114-7AF6-3167F250686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17407" b="57630"/>
          <a:stretch/>
        </p:blipFill>
        <p:spPr bwMode="auto">
          <a:xfrm>
            <a:off x="1774726" y="4673023"/>
            <a:ext cx="4980832" cy="140061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" name="Slide Number Placeholder 4">
            <a:extLst>
              <a:ext uri="{FF2B5EF4-FFF2-40B4-BE49-F238E27FC236}">
                <a16:creationId xmlns:a16="http://schemas.microsoft.com/office/drawing/2014/main" id="{C02B4C89-50B7-C0FB-03E4-615B57911CD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1F0389DA-86A2-1868-1EC5-09E7174EDA7F}"/>
              </a:ext>
            </a:extLst>
          </p:cNvPr>
          <p:cNvSpPr/>
          <p:nvPr/>
        </p:nvSpPr>
        <p:spPr bwMode="auto">
          <a:xfrm>
            <a:off x="2062758" y="5625244"/>
            <a:ext cx="792088" cy="180020"/>
          </a:xfrm>
          <a:prstGeom prst="rect">
            <a:avLst/>
          </a:prstGeom>
          <a:solidFill>
            <a:srgbClr val="FF0099">
              <a:alpha val="15000"/>
            </a:srgbClr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  <a:extLst>
              <a:ext uri="{C807C97D-BFC1-408E-A445-0C87EB9F89A2}">
                <ask:lineSketchStyleProps xmlns:ask="http://schemas.microsoft.com/office/drawing/2018/sketchyshapes" sd="2650216993">
                  <a:custGeom>
                    <a:avLst/>
                    <a:gdLst>
                      <a:gd name="connsiteX0" fmla="*/ 0 w 900100"/>
                      <a:gd name="connsiteY0" fmla="*/ 0 h 252028"/>
                      <a:gd name="connsiteX1" fmla="*/ 423047 w 900100"/>
                      <a:gd name="connsiteY1" fmla="*/ 0 h 252028"/>
                      <a:gd name="connsiteX2" fmla="*/ 900100 w 900100"/>
                      <a:gd name="connsiteY2" fmla="*/ 0 h 252028"/>
                      <a:gd name="connsiteX3" fmla="*/ 900100 w 900100"/>
                      <a:gd name="connsiteY3" fmla="*/ 252028 h 252028"/>
                      <a:gd name="connsiteX4" fmla="*/ 459051 w 900100"/>
                      <a:gd name="connsiteY4" fmla="*/ 252028 h 252028"/>
                      <a:gd name="connsiteX5" fmla="*/ 0 w 900100"/>
                      <a:gd name="connsiteY5" fmla="*/ 252028 h 252028"/>
                      <a:gd name="connsiteX6" fmla="*/ 0 w 900100"/>
                      <a:gd name="connsiteY6" fmla="*/ 0 h 252028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  <a:cxn ang="0">
                        <a:pos x="connsiteX5" y="connsiteY5"/>
                      </a:cxn>
                      <a:cxn ang="0">
                        <a:pos x="connsiteX6" y="connsiteY6"/>
                      </a:cxn>
                    </a:cxnLst>
                    <a:rect l="l" t="t" r="r" b="b"/>
                    <a:pathLst>
                      <a:path w="900100" h="252028" extrusionOk="0">
                        <a:moveTo>
                          <a:pt x="0" y="0"/>
                        </a:moveTo>
                        <a:cubicBezTo>
                          <a:pt x="116363" y="-43511"/>
                          <a:pt x="278229" y="40903"/>
                          <a:pt x="423047" y="0"/>
                        </a:cubicBezTo>
                        <a:cubicBezTo>
                          <a:pt x="567865" y="-40903"/>
                          <a:pt x="782717" y="11605"/>
                          <a:pt x="900100" y="0"/>
                        </a:cubicBezTo>
                        <a:cubicBezTo>
                          <a:pt x="905302" y="74679"/>
                          <a:pt x="893342" y="168341"/>
                          <a:pt x="900100" y="252028"/>
                        </a:cubicBezTo>
                        <a:cubicBezTo>
                          <a:pt x="688235" y="276600"/>
                          <a:pt x="568022" y="225381"/>
                          <a:pt x="459051" y="252028"/>
                        </a:cubicBezTo>
                        <a:cubicBezTo>
                          <a:pt x="350080" y="278675"/>
                          <a:pt x="190604" y="229002"/>
                          <a:pt x="0" y="252028"/>
                        </a:cubicBezTo>
                        <a:cubicBezTo>
                          <a:pt x="-2641" y="178391"/>
                          <a:pt x="27473" y="82700"/>
                          <a:pt x="0" y="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A4ADF5D8-0DAD-E062-D75A-BE9003C3C9B2}"/>
              </a:ext>
            </a:extLst>
          </p:cNvPr>
          <p:cNvSpPr/>
          <p:nvPr/>
        </p:nvSpPr>
        <p:spPr bwMode="auto">
          <a:xfrm>
            <a:off x="2602818" y="4852678"/>
            <a:ext cx="252028" cy="952586"/>
          </a:xfrm>
          <a:prstGeom prst="rect">
            <a:avLst/>
          </a:prstGeom>
          <a:solidFill>
            <a:srgbClr val="00B050">
              <a:alpha val="15000"/>
            </a:srgbClr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  <a:extLst>
              <a:ext uri="{C807C97D-BFC1-408E-A445-0C87EB9F89A2}">
                <ask:lineSketchStyleProps xmlns:ask="http://schemas.microsoft.com/office/drawing/2018/sketchyshapes" sd="2650216993">
                  <a:custGeom>
                    <a:avLst/>
                    <a:gdLst>
                      <a:gd name="connsiteX0" fmla="*/ 0 w 324036"/>
                      <a:gd name="connsiteY0" fmla="*/ 0 h 988590"/>
                      <a:gd name="connsiteX1" fmla="*/ 324036 w 324036"/>
                      <a:gd name="connsiteY1" fmla="*/ 0 h 988590"/>
                      <a:gd name="connsiteX2" fmla="*/ 324036 w 324036"/>
                      <a:gd name="connsiteY2" fmla="*/ 474523 h 988590"/>
                      <a:gd name="connsiteX3" fmla="*/ 324036 w 324036"/>
                      <a:gd name="connsiteY3" fmla="*/ 988590 h 988590"/>
                      <a:gd name="connsiteX4" fmla="*/ 0 w 324036"/>
                      <a:gd name="connsiteY4" fmla="*/ 988590 h 988590"/>
                      <a:gd name="connsiteX5" fmla="*/ 0 w 324036"/>
                      <a:gd name="connsiteY5" fmla="*/ 494295 h 988590"/>
                      <a:gd name="connsiteX6" fmla="*/ 0 w 324036"/>
                      <a:gd name="connsiteY6" fmla="*/ 0 h 988590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  <a:cxn ang="0">
                        <a:pos x="connsiteX5" y="connsiteY5"/>
                      </a:cxn>
                      <a:cxn ang="0">
                        <a:pos x="connsiteX6" y="connsiteY6"/>
                      </a:cxn>
                    </a:cxnLst>
                    <a:rect l="l" t="t" r="r" b="b"/>
                    <a:pathLst>
                      <a:path w="324036" h="988590" extrusionOk="0">
                        <a:moveTo>
                          <a:pt x="0" y="0"/>
                        </a:moveTo>
                        <a:cubicBezTo>
                          <a:pt x="140143" y="-38110"/>
                          <a:pt x="194907" y="13900"/>
                          <a:pt x="324036" y="0"/>
                        </a:cubicBezTo>
                        <a:cubicBezTo>
                          <a:pt x="341285" y="181625"/>
                          <a:pt x="306847" y="363295"/>
                          <a:pt x="324036" y="474523"/>
                        </a:cubicBezTo>
                        <a:cubicBezTo>
                          <a:pt x="341225" y="585751"/>
                          <a:pt x="271559" y="869632"/>
                          <a:pt x="324036" y="988590"/>
                        </a:cubicBezTo>
                        <a:cubicBezTo>
                          <a:pt x="162733" y="999121"/>
                          <a:pt x="94512" y="985706"/>
                          <a:pt x="0" y="988590"/>
                        </a:cubicBezTo>
                        <a:cubicBezTo>
                          <a:pt x="-42798" y="877907"/>
                          <a:pt x="35441" y="653944"/>
                          <a:pt x="0" y="494295"/>
                        </a:cubicBezTo>
                        <a:cubicBezTo>
                          <a:pt x="-35441" y="334646"/>
                          <a:pt x="16463" y="123117"/>
                          <a:pt x="0" y="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4478562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A309B0-A3E7-707D-2E82-3AC7B3C91B3A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8"/>
            <a:ext cx="4410177" cy="2966625"/>
          </a:xfrm>
        </p:spPr>
        <p:txBody>
          <a:bodyPr anchor="ctr">
            <a:normAutofit/>
          </a:bodyPr>
          <a:lstStyle/>
          <a:p>
            <a:pPr marL="0" indent="0">
              <a:buNone/>
            </a:pPr>
            <a:r>
              <a:rPr lang="en-US" sz="1000" b="1" dirty="0"/>
              <a:t>Open PIC18F4550 datasheet and go to section 5.3 Data Memory Organization.</a:t>
            </a:r>
          </a:p>
          <a:p>
            <a:r>
              <a:rPr lang="en-US" sz="1000" dirty="0"/>
              <a:t>How many data memory banks are available for the 4550 device? </a:t>
            </a:r>
            <a:r>
              <a:rPr lang="en-US" sz="1000" dirty="0">
                <a:solidFill>
                  <a:srgbClr val="FF0000"/>
                </a:solidFill>
              </a:rPr>
              <a:t>15 banks</a:t>
            </a:r>
          </a:p>
          <a:p>
            <a:r>
              <a:rPr lang="en-US" sz="1000" dirty="0"/>
              <a:t>How many of these are implemented and how many are not implemented? </a:t>
            </a:r>
            <a:r>
              <a:rPr lang="en-US" sz="1000" dirty="0">
                <a:solidFill>
                  <a:srgbClr val="FF0000"/>
                </a:solidFill>
              </a:rPr>
              <a:t>9 are implemented and 7 are not implemented</a:t>
            </a:r>
          </a:p>
          <a:p>
            <a:r>
              <a:rPr lang="en-US" sz="1000" dirty="0"/>
              <a:t>What is the size of each bank (in bytes)? </a:t>
            </a:r>
            <a:r>
              <a:rPr lang="en-US" sz="1000" dirty="0">
                <a:solidFill>
                  <a:srgbClr val="FF0000"/>
                </a:solidFill>
              </a:rPr>
              <a:t>256 bytes</a:t>
            </a:r>
          </a:p>
          <a:p>
            <a:r>
              <a:rPr lang="en-US" sz="1000" dirty="0"/>
              <a:t>What is the address range for Bank 3? </a:t>
            </a:r>
            <a:r>
              <a:rPr lang="en-US" sz="1000" dirty="0" err="1">
                <a:solidFill>
                  <a:srgbClr val="FF0000"/>
                </a:solidFill>
              </a:rPr>
              <a:t>0x300</a:t>
            </a:r>
            <a:r>
              <a:rPr lang="en-US" sz="1000" dirty="0">
                <a:solidFill>
                  <a:srgbClr val="FF0000"/>
                </a:solidFill>
              </a:rPr>
              <a:t> to </a:t>
            </a:r>
            <a:r>
              <a:rPr lang="en-US" sz="1000" dirty="0" err="1">
                <a:solidFill>
                  <a:srgbClr val="FF0000"/>
                </a:solidFill>
              </a:rPr>
              <a:t>0x3FF</a:t>
            </a:r>
            <a:endParaRPr lang="en-US" sz="1000" dirty="0">
              <a:solidFill>
                <a:srgbClr val="FF0000"/>
              </a:solidFill>
            </a:endParaRPr>
          </a:p>
          <a:p>
            <a:pPr marL="0" indent="0">
              <a:buNone/>
            </a:pPr>
            <a:endParaRPr lang="en-US" sz="1000" dirty="0"/>
          </a:p>
          <a:p>
            <a:pPr marL="0" indent="0">
              <a:buNone/>
            </a:pPr>
            <a:r>
              <a:rPr lang="en-US" sz="1000" b="1" dirty="0"/>
              <a:t>Use MPLAB X to simulate data load in PIC18F4550 through the Bank Select Register:</a:t>
            </a:r>
          </a:p>
          <a:p>
            <a:r>
              <a:rPr lang="en-US" sz="1000" dirty="0"/>
              <a:t>Load </a:t>
            </a:r>
            <a:r>
              <a:rPr lang="en-US" sz="1000" dirty="0" err="1"/>
              <a:t>0xFA</a:t>
            </a:r>
            <a:r>
              <a:rPr lang="en-US" sz="1000" dirty="0"/>
              <a:t> on address 0x100 in Bank 1</a:t>
            </a:r>
          </a:p>
          <a:p>
            <a:r>
              <a:rPr lang="en-US" sz="1000" dirty="0"/>
              <a:t>Load 9</a:t>
            </a:r>
            <a:r>
              <a:rPr lang="en-US" sz="1000" baseline="-25000" dirty="0"/>
              <a:t>10</a:t>
            </a:r>
            <a:r>
              <a:rPr lang="en-US" sz="1000" dirty="0"/>
              <a:t> on address 0x200 in Bank 2</a:t>
            </a:r>
          </a:p>
          <a:p>
            <a:r>
              <a:rPr lang="en-US" sz="1000" dirty="0"/>
              <a:t>Load </a:t>
            </a:r>
            <a:r>
              <a:rPr lang="en-US" sz="1000" dirty="0" err="1"/>
              <a:t>0xA0</a:t>
            </a:r>
            <a:r>
              <a:rPr lang="en-US" sz="1000" dirty="0"/>
              <a:t> on address 0x345</a:t>
            </a:r>
          </a:p>
          <a:p>
            <a:r>
              <a:rPr lang="en-US" sz="1000" dirty="0"/>
              <a:t>Load 156</a:t>
            </a:r>
            <a:r>
              <a:rPr lang="en-US" sz="1000" baseline="-25000" dirty="0"/>
              <a:t>10</a:t>
            </a:r>
            <a:r>
              <a:rPr lang="en-US" sz="1000" dirty="0"/>
              <a:t> ton address </a:t>
            </a:r>
            <a:r>
              <a:rPr lang="en-US" sz="1000" dirty="0" err="1"/>
              <a:t>0x710</a:t>
            </a:r>
            <a:endParaRPr lang="en-US" sz="1000" dirty="0"/>
          </a:p>
          <a:p>
            <a:r>
              <a:rPr lang="en-US" sz="1000" dirty="0"/>
              <a:t>What happens if we specify an address but do not switch to its corresponding bank?</a:t>
            </a:r>
            <a:endParaRPr lang="LID4096" sz="100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B517934-053F-FF86-552E-F307D2D9DA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AMPLE WITH PIC18F4550</a:t>
            </a:r>
            <a:endParaRPr lang="LID4096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15B9DF5E-BCD5-64B0-3E19-F6216086F809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7141808" y="1825625"/>
            <a:ext cx="3239209" cy="4351338"/>
          </a:xfrm>
        </p:spPr>
      </p:pic>
      <p:pic>
        <p:nvPicPr>
          <p:cNvPr id="13" name="Content Placeholder 11">
            <a:extLst>
              <a:ext uri="{FF2B5EF4-FFF2-40B4-BE49-F238E27FC236}">
                <a16:creationId xmlns:a16="http://schemas.microsoft.com/office/drawing/2014/main" id="{EBA6DABB-A380-2114-7AF6-3167F250686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17407" b="57630"/>
          <a:stretch/>
        </p:blipFill>
        <p:spPr bwMode="auto">
          <a:xfrm>
            <a:off x="1774726" y="4673023"/>
            <a:ext cx="4980832" cy="140061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" name="Slide Number Placeholder 4">
            <a:extLst>
              <a:ext uri="{FF2B5EF4-FFF2-40B4-BE49-F238E27FC236}">
                <a16:creationId xmlns:a16="http://schemas.microsoft.com/office/drawing/2014/main" id="{C02B4C89-50B7-C0FB-03E4-615B57911CD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1F0389DA-86A2-1868-1EC5-09E7174EDA7F}"/>
              </a:ext>
            </a:extLst>
          </p:cNvPr>
          <p:cNvSpPr/>
          <p:nvPr/>
        </p:nvSpPr>
        <p:spPr bwMode="auto">
          <a:xfrm>
            <a:off x="2062758" y="5625244"/>
            <a:ext cx="792088" cy="180020"/>
          </a:xfrm>
          <a:prstGeom prst="rect">
            <a:avLst/>
          </a:prstGeom>
          <a:solidFill>
            <a:srgbClr val="FF0099">
              <a:alpha val="15000"/>
            </a:srgbClr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  <a:extLst>
              <a:ext uri="{C807C97D-BFC1-408E-A445-0C87EB9F89A2}">
                <ask:lineSketchStyleProps xmlns:ask="http://schemas.microsoft.com/office/drawing/2018/sketchyshapes" sd="2650216993">
                  <a:custGeom>
                    <a:avLst/>
                    <a:gdLst>
                      <a:gd name="connsiteX0" fmla="*/ 0 w 900100"/>
                      <a:gd name="connsiteY0" fmla="*/ 0 h 252028"/>
                      <a:gd name="connsiteX1" fmla="*/ 423047 w 900100"/>
                      <a:gd name="connsiteY1" fmla="*/ 0 h 252028"/>
                      <a:gd name="connsiteX2" fmla="*/ 900100 w 900100"/>
                      <a:gd name="connsiteY2" fmla="*/ 0 h 252028"/>
                      <a:gd name="connsiteX3" fmla="*/ 900100 w 900100"/>
                      <a:gd name="connsiteY3" fmla="*/ 252028 h 252028"/>
                      <a:gd name="connsiteX4" fmla="*/ 459051 w 900100"/>
                      <a:gd name="connsiteY4" fmla="*/ 252028 h 252028"/>
                      <a:gd name="connsiteX5" fmla="*/ 0 w 900100"/>
                      <a:gd name="connsiteY5" fmla="*/ 252028 h 252028"/>
                      <a:gd name="connsiteX6" fmla="*/ 0 w 900100"/>
                      <a:gd name="connsiteY6" fmla="*/ 0 h 252028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  <a:cxn ang="0">
                        <a:pos x="connsiteX5" y="connsiteY5"/>
                      </a:cxn>
                      <a:cxn ang="0">
                        <a:pos x="connsiteX6" y="connsiteY6"/>
                      </a:cxn>
                    </a:cxnLst>
                    <a:rect l="l" t="t" r="r" b="b"/>
                    <a:pathLst>
                      <a:path w="900100" h="252028" extrusionOk="0">
                        <a:moveTo>
                          <a:pt x="0" y="0"/>
                        </a:moveTo>
                        <a:cubicBezTo>
                          <a:pt x="116363" y="-43511"/>
                          <a:pt x="278229" y="40903"/>
                          <a:pt x="423047" y="0"/>
                        </a:cubicBezTo>
                        <a:cubicBezTo>
                          <a:pt x="567865" y="-40903"/>
                          <a:pt x="782717" y="11605"/>
                          <a:pt x="900100" y="0"/>
                        </a:cubicBezTo>
                        <a:cubicBezTo>
                          <a:pt x="905302" y="74679"/>
                          <a:pt x="893342" y="168341"/>
                          <a:pt x="900100" y="252028"/>
                        </a:cubicBezTo>
                        <a:cubicBezTo>
                          <a:pt x="688235" y="276600"/>
                          <a:pt x="568022" y="225381"/>
                          <a:pt x="459051" y="252028"/>
                        </a:cubicBezTo>
                        <a:cubicBezTo>
                          <a:pt x="350080" y="278675"/>
                          <a:pt x="190604" y="229002"/>
                          <a:pt x="0" y="252028"/>
                        </a:cubicBezTo>
                        <a:cubicBezTo>
                          <a:pt x="-2641" y="178391"/>
                          <a:pt x="27473" y="82700"/>
                          <a:pt x="0" y="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A4ADF5D8-0DAD-E062-D75A-BE9003C3C9B2}"/>
              </a:ext>
            </a:extLst>
          </p:cNvPr>
          <p:cNvSpPr/>
          <p:nvPr/>
        </p:nvSpPr>
        <p:spPr bwMode="auto">
          <a:xfrm>
            <a:off x="2602818" y="4852678"/>
            <a:ext cx="252028" cy="952586"/>
          </a:xfrm>
          <a:prstGeom prst="rect">
            <a:avLst/>
          </a:prstGeom>
          <a:solidFill>
            <a:srgbClr val="00B050">
              <a:alpha val="15000"/>
            </a:srgbClr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  <a:extLst>
              <a:ext uri="{C807C97D-BFC1-408E-A445-0C87EB9F89A2}">
                <ask:lineSketchStyleProps xmlns:ask="http://schemas.microsoft.com/office/drawing/2018/sketchyshapes" sd="2650216993">
                  <a:custGeom>
                    <a:avLst/>
                    <a:gdLst>
                      <a:gd name="connsiteX0" fmla="*/ 0 w 324036"/>
                      <a:gd name="connsiteY0" fmla="*/ 0 h 988590"/>
                      <a:gd name="connsiteX1" fmla="*/ 324036 w 324036"/>
                      <a:gd name="connsiteY1" fmla="*/ 0 h 988590"/>
                      <a:gd name="connsiteX2" fmla="*/ 324036 w 324036"/>
                      <a:gd name="connsiteY2" fmla="*/ 474523 h 988590"/>
                      <a:gd name="connsiteX3" fmla="*/ 324036 w 324036"/>
                      <a:gd name="connsiteY3" fmla="*/ 988590 h 988590"/>
                      <a:gd name="connsiteX4" fmla="*/ 0 w 324036"/>
                      <a:gd name="connsiteY4" fmla="*/ 988590 h 988590"/>
                      <a:gd name="connsiteX5" fmla="*/ 0 w 324036"/>
                      <a:gd name="connsiteY5" fmla="*/ 494295 h 988590"/>
                      <a:gd name="connsiteX6" fmla="*/ 0 w 324036"/>
                      <a:gd name="connsiteY6" fmla="*/ 0 h 988590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  <a:cxn ang="0">
                        <a:pos x="connsiteX5" y="connsiteY5"/>
                      </a:cxn>
                      <a:cxn ang="0">
                        <a:pos x="connsiteX6" y="connsiteY6"/>
                      </a:cxn>
                    </a:cxnLst>
                    <a:rect l="l" t="t" r="r" b="b"/>
                    <a:pathLst>
                      <a:path w="324036" h="988590" extrusionOk="0">
                        <a:moveTo>
                          <a:pt x="0" y="0"/>
                        </a:moveTo>
                        <a:cubicBezTo>
                          <a:pt x="140143" y="-38110"/>
                          <a:pt x="194907" y="13900"/>
                          <a:pt x="324036" y="0"/>
                        </a:cubicBezTo>
                        <a:cubicBezTo>
                          <a:pt x="341285" y="181625"/>
                          <a:pt x="306847" y="363295"/>
                          <a:pt x="324036" y="474523"/>
                        </a:cubicBezTo>
                        <a:cubicBezTo>
                          <a:pt x="341225" y="585751"/>
                          <a:pt x="271559" y="869632"/>
                          <a:pt x="324036" y="988590"/>
                        </a:cubicBezTo>
                        <a:cubicBezTo>
                          <a:pt x="162733" y="999121"/>
                          <a:pt x="94512" y="985706"/>
                          <a:pt x="0" y="988590"/>
                        </a:cubicBezTo>
                        <a:cubicBezTo>
                          <a:pt x="-42798" y="877907"/>
                          <a:pt x="35441" y="653944"/>
                          <a:pt x="0" y="494295"/>
                        </a:cubicBezTo>
                        <a:cubicBezTo>
                          <a:pt x="-35441" y="334646"/>
                          <a:pt x="16463" y="123117"/>
                          <a:pt x="0" y="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77261174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B517934-053F-FF86-552E-F307D2D9DA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WITH PIC18F57Q43</a:t>
            </a:r>
            <a:endParaRPr lang="LID4096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A309B0-A3E7-707D-2E82-3AC7B3C91B3A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6372634" cy="4546800"/>
          </a:xfrm>
        </p:spPr>
        <p:txBody>
          <a:bodyPr anchor="ctr">
            <a:normAutofit/>
          </a:bodyPr>
          <a:lstStyle/>
          <a:p>
            <a:pPr marL="0" indent="0">
              <a:buNone/>
            </a:pPr>
            <a:r>
              <a:rPr lang="en-US" sz="1400" b="1" dirty="0"/>
              <a:t>Open PIC18F57Q43 datasheet and go to section 9.4 Data Memory Organization</a:t>
            </a:r>
          </a:p>
          <a:p>
            <a:r>
              <a:rPr lang="en-US" sz="1400" dirty="0"/>
              <a:t>How many data memory banks are available for the </a:t>
            </a:r>
            <a:r>
              <a:rPr lang="en-US" sz="1400" b="1" dirty="0" err="1"/>
              <a:t>x7Q43</a:t>
            </a:r>
            <a:r>
              <a:rPr lang="en-US" sz="1400" dirty="0"/>
              <a:t> device? </a:t>
            </a:r>
            <a:r>
              <a:rPr lang="en-US" sz="1400" dirty="0">
                <a:solidFill>
                  <a:srgbClr val="FF0000"/>
                </a:solidFill>
              </a:rPr>
              <a:t>64 banks</a:t>
            </a:r>
          </a:p>
          <a:p>
            <a:r>
              <a:rPr lang="en-US" sz="1400" dirty="0"/>
              <a:t>How many of these are implemented and how many are not implemented? </a:t>
            </a:r>
            <a:r>
              <a:rPr lang="en-US" sz="1400" dirty="0">
                <a:solidFill>
                  <a:srgbClr val="FF0000"/>
                </a:solidFill>
              </a:rPr>
              <a:t>38 are implemented and 25 are not implemented</a:t>
            </a:r>
          </a:p>
          <a:p>
            <a:r>
              <a:rPr lang="en-US" sz="1400" dirty="0"/>
              <a:t>What is the size of each bank (in bytes)? </a:t>
            </a:r>
            <a:r>
              <a:rPr lang="en-US" sz="1400" dirty="0">
                <a:solidFill>
                  <a:srgbClr val="FF0000"/>
                </a:solidFill>
              </a:rPr>
              <a:t>256 bytes</a:t>
            </a:r>
          </a:p>
          <a:p>
            <a:r>
              <a:rPr lang="en-US" sz="1400" dirty="0"/>
              <a:t>What is the address range for Bank 5? </a:t>
            </a:r>
            <a:r>
              <a:rPr lang="en-US" sz="1400" dirty="0" err="1">
                <a:solidFill>
                  <a:srgbClr val="FF0000"/>
                </a:solidFill>
              </a:rPr>
              <a:t>0x500</a:t>
            </a:r>
            <a:r>
              <a:rPr lang="en-US" sz="1400" dirty="0">
                <a:solidFill>
                  <a:srgbClr val="FF0000"/>
                </a:solidFill>
              </a:rPr>
              <a:t> to </a:t>
            </a:r>
            <a:r>
              <a:rPr lang="en-US" sz="1400" dirty="0" err="1">
                <a:solidFill>
                  <a:srgbClr val="FF0000"/>
                </a:solidFill>
              </a:rPr>
              <a:t>0x5FF</a:t>
            </a:r>
            <a:endParaRPr lang="en-US" sz="1400" dirty="0">
              <a:solidFill>
                <a:srgbClr val="FF0000"/>
              </a:solidFill>
            </a:endParaRPr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r>
              <a:rPr lang="en-US" sz="1400" b="1" dirty="0"/>
              <a:t>Use MPLAB X to simulate data load in PIC18F57Q43 through the Bank Select Register</a:t>
            </a:r>
          </a:p>
          <a:p>
            <a:pPr marL="342900" indent="-342900">
              <a:buFont typeface="+mj-lt"/>
              <a:buAutoNum type="alphaLcParenR"/>
            </a:pPr>
            <a:r>
              <a:rPr lang="en-US" sz="1400" dirty="0"/>
              <a:t>Load </a:t>
            </a:r>
            <a:r>
              <a:rPr lang="en-US" sz="1400" dirty="0" err="1"/>
              <a:t>0xAE</a:t>
            </a:r>
            <a:r>
              <a:rPr lang="en-US" sz="1400" dirty="0"/>
              <a:t> to address 0x100 in Bank 1</a:t>
            </a:r>
          </a:p>
          <a:p>
            <a:pPr marL="342900" indent="-342900">
              <a:buFont typeface="+mj-lt"/>
              <a:buAutoNum type="alphaLcParenR"/>
            </a:pPr>
            <a:r>
              <a:rPr lang="en-US" sz="1400" dirty="0"/>
              <a:t>Load 254</a:t>
            </a:r>
            <a:r>
              <a:rPr lang="en-US" sz="1400" baseline="-25000" dirty="0"/>
              <a:t>10</a:t>
            </a:r>
            <a:r>
              <a:rPr lang="en-US" sz="1400" dirty="0"/>
              <a:t> to address 0x200 in Bank 2</a:t>
            </a:r>
          </a:p>
          <a:p>
            <a:pPr marL="342900" indent="-342900">
              <a:buFont typeface="+mj-lt"/>
              <a:buAutoNum type="alphaLcParenR"/>
            </a:pPr>
            <a:r>
              <a:rPr lang="en-US" sz="1400" dirty="0"/>
              <a:t>Load </a:t>
            </a:r>
            <a:r>
              <a:rPr lang="en-US" sz="1400" dirty="0" err="1"/>
              <a:t>0x03</a:t>
            </a:r>
            <a:r>
              <a:rPr lang="en-US" sz="1400" dirty="0"/>
              <a:t> to address 0x345</a:t>
            </a:r>
          </a:p>
          <a:p>
            <a:pPr marL="342900" indent="-342900">
              <a:buFont typeface="+mj-lt"/>
              <a:buAutoNum type="alphaLcParenR"/>
            </a:pPr>
            <a:r>
              <a:rPr lang="en-US" sz="1400" dirty="0"/>
              <a:t>Load 58</a:t>
            </a:r>
            <a:r>
              <a:rPr lang="en-US" sz="1400" baseline="-25000" dirty="0"/>
              <a:t>10</a:t>
            </a:r>
            <a:r>
              <a:rPr lang="en-US" sz="1400" dirty="0"/>
              <a:t> to address </a:t>
            </a:r>
            <a:r>
              <a:rPr lang="en-US" sz="1400" dirty="0" err="1"/>
              <a:t>0x2FF</a:t>
            </a:r>
            <a:endParaRPr lang="en-US" sz="1400" dirty="0"/>
          </a:p>
          <a:p>
            <a:pPr marL="342900" indent="-342900">
              <a:buFont typeface="+mj-lt"/>
              <a:buAutoNum type="alphaLcParenR"/>
            </a:pPr>
            <a:r>
              <a:rPr lang="en-US" sz="1400" dirty="0"/>
              <a:t>What happens if we specify an address but do not switch to the corresponding bank? </a:t>
            </a:r>
          </a:p>
          <a:p>
            <a:pPr lvl="1"/>
            <a:r>
              <a:rPr lang="en-US" sz="1400" dirty="0"/>
              <a:t>Test this by loading a </a:t>
            </a:r>
            <a:r>
              <a:rPr lang="en-US" sz="1400" dirty="0" err="1"/>
              <a:t>0x50</a:t>
            </a:r>
            <a:r>
              <a:rPr lang="en-US" sz="1400" dirty="0"/>
              <a:t> into address </a:t>
            </a:r>
            <a:r>
              <a:rPr lang="en-US" sz="1400" dirty="0" err="1"/>
              <a:t>0x010</a:t>
            </a:r>
            <a:r>
              <a:rPr lang="en-US" sz="1400" dirty="0"/>
              <a:t> but staying in the same bank than the previous instruction (Bank 2)</a:t>
            </a:r>
            <a:endParaRPr lang="LID4096" sz="1400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1AC9C3A6-69CC-E4E1-1252-A22F3B2C6BD0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8795506" y="1706563"/>
            <a:ext cx="3001169" cy="4546600"/>
          </a:xfrm>
        </p:spPr>
      </p:pic>
      <p:sp>
        <p:nvSpPr>
          <p:cNvPr id="3" name="Slide Number Placeholder 4">
            <a:extLst>
              <a:ext uri="{FF2B5EF4-FFF2-40B4-BE49-F238E27FC236}">
                <a16:creationId xmlns:a16="http://schemas.microsoft.com/office/drawing/2014/main" id="{AABEEDF2-3645-C5F3-5BD8-BF18B54D810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7556495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596685D5-B7E8-EC7A-7FCE-81735F69E84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en-US" dirty="0"/>
              <a:t>ACCESS BANK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22E25C78-7D4D-A985-DD37-65537444D6F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799" y="2856463"/>
            <a:ext cx="4644807" cy="3396535"/>
          </a:xfrm>
        </p:spPr>
        <p:txBody>
          <a:bodyPr wrap="square" anchor="t">
            <a:normAutofit/>
          </a:bodyPr>
          <a:lstStyle/>
          <a:p>
            <a:pPr marL="0" indent="0">
              <a:lnSpc>
                <a:spcPct val="90000"/>
              </a:lnSpc>
              <a:buNone/>
            </a:pPr>
            <a:r>
              <a:rPr lang="en-US" sz="1400"/>
              <a:t>This is why we have the </a:t>
            </a:r>
            <a:r>
              <a:rPr lang="en-US" sz="1400" b="1">
                <a:solidFill>
                  <a:srgbClr val="2F3EEA"/>
                </a:solidFill>
              </a:rPr>
              <a:t>Access Bank</a:t>
            </a:r>
          </a:p>
          <a:p>
            <a:pPr>
              <a:lnSpc>
                <a:spcPct val="90000"/>
              </a:lnSpc>
            </a:pPr>
            <a:r>
              <a:rPr lang="en-US" sz="1400"/>
              <a:t>allows to access a memory block </a:t>
            </a:r>
            <a:r>
              <a:rPr lang="en-US" sz="1400" b="1">
                <a:solidFill>
                  <a:srgbClr val="2F3EEA"/>
                </a:solidFill>
              </a:rPr>
              <a:t>bypassing the BSR</a:t>
            </a:r>
            <a:r>
              <a:rPr lang="en-US" sz="1400"/>
              <a:t> However, this is limited to: (for 18F57Q43)</a:t>
            </a:r>
          </a:p>
          <a:p>
            <a:pPr lvl="1">
              <a:lnSpc>
                <a:spcPct val="90000"/>
              </a:lnSpc>
            </a:pPr>
            <a:r>
              <a:rPr lang="en-US" sz="1400">
                <a:solidFill>
                  <a:srgbClr val="00B050"/>
                </a:solidFill>
              </a:rPr>
              <a:t>Access RAM: </a:t>
            </a:r>
            <a:r>
              <a:rPr lang="en-US" sz="1400"/>
              <a:t>first 96 bytes (0x00 – 0x5F) of Bank 5</a:t>
            </a:r>
          </a:p>
          <a:p>
            <a:pPr lvl="1">
              <a:lnSpc>
                <a:spcPct val="90000"/>
              </a:lnSpc>
            </a:pPr>
            <a:r>
              <a:rPr lang="en-US" sz="1400">
                <a:solidFill>
                  <a:srgbClr val="FFC000"/>
                </a:solidFill>
              </a:rPr>
              <a:t>Special SFRs:</a:t>
            </a:r>
            <a:r>
              <a:rPr lang="en-US" sz="1400"/>
              <a:t> last 160 bytes (0x60 – 0xFF) of Bank 4</a:t>
            </a:r>
          </a:p>
          <a:p>
            <a:pPr marL="0" indent="0">
              <a:lnSpc>
                <a:spcPct val="90000"/>
              </a:lnSpc>
              <a:buNone/>
            </a:pPr>
            <a:r>
              <a:rPr lang="en-US" sz="1400"/>
              <a:t>Instructions </a:t>
            </a:r>
            <a:r>
              <a:rPr lang="en-US" sz="1400" dirty="0"/>
              <a:t>with Access RAM capabilities include parameter “</a:t>
            </a:r>
            <a:r>
              <a:rPr lang="en-US" sz="1400" dirty="0">
                <a:latin typeface="Consolas" panose="020B0609020204030204" pitchFamily="49" charset="0"/>
              </a:rPr>
              <a:t>a</a:t>
            </a:r>
            <a:r>
              <a:rPr lang="en-US" sz="1400" dirty="0"/>
              <a:t>” as one of its bit arguments:</a:t>
            </a:r>
          </a:p>
          <a:p>
            <a:r>
              <a:rPr lang="en-US" sz="1400" b="1" dirty="0">
                <a:latin typeface="Consolas" panose="020B0609020204030204" pitchFamily="49" charset="0"/>
              </a:rPr>
              <a:t>a = 1 </a:t>
            </a:r>
            <a:r>
              <a:rPr lang="en-US" sz="1400" dirty="0"/>
              <a:t>uses </a:t>
            </a:r>
            <a:r>
              <a:rPr lang="en-US" sz="1400" dirty="0" err="1"/>
              <a:t>BSR</a:t>
            </a:r>
            <a:r>
              <a:rPr lang="en-US" sz="1400" dirty="0"/>
              <a:t> and an 8-bit included with the opcode</a:t>
            </a:r>
          </a:p>
          <a:p>
            <a:r>
              <a:rPr lang="en-US" sz="1400" b="1" dirty="0">
                <a:latin typeface="Consolas" panose="020B0609020204030204" pitchFamily="49" charset="0"/>
              </a:rPr>
              <a:t>a = 0  </a:t>
            </a:r>
            <a:r>
              <a:rPr lang="en-US" sz="1400" dirty="0"/>
              <a:t>ignores </a:t>
            </a:r>
            <a:r>
              <a:rPr lang="en-US" sz="1400" dirty="0" err="1"/>
              <a:t>BSR</a:t>
            </a:r>
            <a:r>
              <a:rPr lang="en-US" sz="1400" dirty="0"/>
              <a:t> and uses map address of Access Bank</a:t>
            </a:r>
          </a:p>
          <a:p>
            <a:r>
              <a:rPr lang="en-US" sz="1400"/>
              <a:t>Access </a:t>
            </a:r>
            <a:r>
              <a:rPr lang="en-US" sz="1400" dirty="0"/>
              <a:t>Bank addressing allows to make operations with data </a:t>
            </a:r>
            <a:r>
              <a:rPr lang="en-US" sz="1400"/>
              <a:t>memory </a:t>
            </a:r>
            <a:r>
              <a:rPr lang="en-US" sz="1400">
                <a:solidFill>
                  <a:srgbClr val="00B050"/>
                </a:solidFill>
              </a:rPr>
              <a:t>in one instruction </a:t>
            </a:r>
            <a:r>
              <a:rPr lang="en-US" sz="1400" dirty="0"/>
              <a:t>since no </a:t>
            </a:r>
            <a:r>
              <a:rPr lang="en-US" sz="1400" dirty="0" err="1"/>
              <a:t>BSR</a:t>
            </a:r>
            <a:r>
              <a:rPr lang="en-US" sz="1400" dirty="0"/>
              <a:t> updating is required</a:t>
            </a:r>
          </a:p>
          <a:p>
            <a:pPr lvl="1"/>
            <a:endParaRPr lang="en-US" sz="1400" dirty="0"/>
          </a:p>
          <a:p>
            <a:pPr>
              <a:lnSpc>
                <a:spcPct val="90000"/>
              </a:lnSpc>
            </a:pPr>
            <a:endParaRPr lang="en-US" sz="14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12DECE0-B7BC-6B8C-4FBA-07C43735591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A4A5290F-D7A8-AD61-5535-7F1A93D98593}"/>
              </a:ext>
            </a:extLst>
          </p:cNvPr>
          <p:cNvGrpSpPr/>
          <p:nvPr/>
        </p:nvGrpSpPr>
        <p:grpSpPr>
          <a:xfrm>
            <a:off x="6735481" y="1592505"/>
            <a:ext cx="5327990" cy="4660694"/>
            <a:chOff x="6735481" y="1592505"/>
            <a:chExt cx="5327990" cy="4660694"/>
          </a:xfrm>
        </p:grpSpPr>
        <p:pic>
          <p:nvPicPr>
            <p:cNvPr id="2" name="Content Placeholder 12">
              <a:extLst>
                <a:ext uri="{FF2B5EF4-FFF2-40B4-BE49-F238E27FC236}">
                  <a16:creationId xmlns:a16="http://schemas.microsoft.com/office/drawing/2014/main" id="{C40AC002-E894-5BC0-D0D9-B125DBC3CAE5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 bwMode="auto">
            <a:xfrm>
              <a:off x="9045757" y="1706599"/>
              <a:ext cx="3017714" cy="45466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2500B4B2-BDA4-D7E1-F05E-1DBCEC4BB16F}"/>
                </a:ext>
              </a:extLst>
            </p:cNvPr>
            <p:cNvSpPr txBox="1"/>
            <p:nvPr/>
          </p:nvSpPr>
          <p:spPr>
            <a:xfrm>
              <a:off x="6789671" y="3856129"/>
              <a:ext cx="113814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s-MX">
                  <a:latin typeface="+mn-lt"/>
                </a:rPr>
                <a:t>p</a:t>
              </a:r>
              <a:endParaRPr lang="en-MX" err="1">
                <a:latin typeface="+mn-lt"/>
              </a:endParaRPr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F53301B8-382F-8A26-847D-9C39BED42E2E}"/>
                </a:ext>
              </a:extLst>
            </p:cNvPr>
            <p:cNvSpPr txBox="1"/>
            <p:nvPr/>
          </p:nvSpPr>
          <p:spPr>
            <a:xfrm>
              <a:off x="6735481" y="3489389"/>
              <a:ext cx="1027925" cy="246221"/>
            </a:xfrm>
            <a:prstGeom prst="rect">
              <a:avLst/>
            </a:prstGeom>
            <a:ln/>
          </p:spPr>
          <p:style>
            <a:lnRef idx="1">
              <a:schemeClr val="accent4"/>
            </a:lnRef>
            <a:fillRef idx="3">
              <a:schemeClr val="accent4"/>
            </a:fillRef>
            <a:effectRef idx="2">
              <a:schemeClr val="accent4"/>
            </a:effectRef>
            <a:fontRef idx="minor">
              <a:schemeClr val="lt1"/>
            </a:fontRef>
          </p:style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US">
                  <a:solidFill>
                    <a:schemeClr val="bg1"/>
                  </a:solidFill>
                  <a:latin typeface="+mn-lt"/>
                </a:rPr>
                <a:t>BSR</a:t>
              </a:r>
              <a:endParaRPr lang="LID4096" dirty="0" err="1">
                <a:solidFill>
                  <a:schemeClr val="bg1"/>
                </a:solidFill>
                <a:latin typeface="+mn-lt"/>
              </a:endParaRPr>
            </a:p>
          </p:txBody>
        </p:sp>
        <p:cxnSp>
          <p:nvCxnSpPr>
            <p:cNvPr id="8" name="Straight Arrow Connector 7">
              <a:extLst>
                <a:ext uri="{FF2B5EF4-FFF2-40B4-BE49-F238E27FC236}">
                  <a16:creationId xmlns:a16="http://schemas.microsoft.com/office/drawing/2014/main" id="{75B7AD42-3B7A-319C-B340-0A8DDEFC0AE4}"/>
                </a:ext>
              </a:extLst>
            </p:cNvPr>
            <p:cNvCxnSpPr>
              <a:stCxn id="14" idx="2"/>
              <a:endCxn id="4" idx="0"/>
            </p:cNvCxnSpPr>
            <p:nvPr/>
          </p:nvCxnSpPr>
          <p:spPr bwMode="auto">
            <a:xfrm>
              <a:off x="7249444" y="1961837"/>
              <a:ext cx="0" cy="1527552"/>
            </a:xfrm>
            <a:prstGeom prst="straightConnector1">
              <a:avLst/>
            </a:prstGeom>
            <a:ln>
              <a:headEnd type="none" w="med" len="med"/>
              <a:tailEnd type="triangle"/>
            </a:ln>
          </p:spPr>
          <p:style>
            <a:lnRef idx="3">
              <a:schemeClr val="accent4"/>
            </a:lnRef>
            <a:fillRef idx="0">
              <a:schemeClr val="accent4"/>
            </a:fillRef>
            <a:effectRef idx="2">
              <a:schemeClr val="accent4"/>
            </a:effectRef>
            <a:fontRef idx="minor">
              <a:schemeClr val="tx1"/>
            </a:fontRef>
          </p:style>
        </p:cxnSp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9E8424AD-A982-B624-49BF-B2590EDD6D9D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7763406" y="3587395"/>
              <a:ext cx="1356136" cy="0"/>
            </a:xfrm>
            <a:prstGeom prst="straightConnector1">
              <a:avLst/>
            </a:prstGeom>
            <a:ln>
              <a:headEnd type="none" w="med" len="med"/>
              <a:tailEnd type="triangle"/>
            </a:ln>
          </p:spPr>
          <p:style>
            <a:lnRef idx="3">
              <a:schemeClr val="accent4"/>
            </a:lnRef>
            <a:fillRef idx="0">
              <a:schemeClr val="accent4"/>
            </a:fillRef>
            <a:effectRef idx="2">
              <a:schemeClr val="accent4"/>
            </a:effectRef>
            <a:fontRef idx="minor">
              <a:schemeClr val="tx1"/>
            </a:fontRef>
          </p:style>
        </p:cxn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64A8E6DF-18F1-8E19-9630-75469594CB2C}"/>
                </a:ext>
              </a:extLst>
            </p:cNvPr>
            <p:cNvSpPr/>
            <p:nvPr/>
          </p:nvSpPr>
          <p:spPr bwMode="auto">
            <a:xfrm>
              <a:off x="6902591" y="2582684"/>
              <a:ext cx="262291" cy="262291"/>
            </a:xfrm>
            <a:prstGeom prst="ellipse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en-US" sz="1050" b="0" i="0" u="none" strike="noStrike" cap="none" normalizeH="0" baseline="0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rPr>
                <a:t>1</a:t>
              </a:r>
              <a:endParaRPr kumimoji="0" lang="LID4096" sz="105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12" name="Straight Arrow Connector 11">
              <a:extLst>
                <a:ext uri="{FF2B5EF4-FFF2-40B4-BE49-F238E27FC236}">
                  <a16:creationId xmlns:a16="http://schemas.microsoft.com/office/drawing/2014/main" id="{15DA2A62-1A60-A4F0-1273-C53C1E603DDB}"/>
                </a:ext>
              </a:extLst>
            </p:cNvPr>
            <p:cNvCxnSpPr>
              <a:cxnSpLocks/>
              <a:stCxn id="14" idx="3"/>
            </p:cNvCxnSpPr>
            <p:nvPr/>
          </p:nvCxnSpPr>
          <p:spPr bwMode="auto">
            <a:xfrm>
              <a:off x="7763406" y="1777171"/>
              <a:ext cx="1356136" cy="801523"/>
            </a:xfrm>
            <a:prstGeom prst="straightConnector1">
              <a:avLst/>
            </a:prstGeom>
            <a:ln>
              <a:headEnd type="none" w="med" len="med"/>
              <a:tailEnd type="triangle"/>
            </a:ln>
          </p:spPr>
          <p:style>
            <a:lnRef idx="3">
              <a:schemeClr val="accent6"/>
            </a:lnRef>
            <a:fillRef idx="0">
              <a:schemeClr val="accent6"/>
            </a:fillRef>
            <a:effectRef idx="2">
              <a:schemeClr val="accent6"/>
            </a:effectRef>
            <a:fontRef idx="minor">
              <a:schemeClr val="tx1"/>
            </a:fontRef>
          </p:style>
        </p:cxn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1AE769BF-4751-1E41-B15E-38F448EC4DE2}"/>
                </a:ext>
              </a:extLst>
            </p:cNvPr>
            <p:cNvSpPr txBox="1"/>
            <p:nvPr/>
          </p:nvSpPr>
          <p:spPr>
            <a:xfrm>
              <a:off x="6735481" y="1592505"/>
              <a:ext cx="1027925" cy="369332"/>
            </a:xfrm>
            <a:prstGeom prst="rect">
              <a:avLst/>
            </a:prstGeom>
            <a:ln/>
          </p:spPr>
          <p:style>
            <a:lnRef idx="1">
              <a:schemeClr val="accent5"/>
            </a:lnRef>
            <a:fillRef idx="3">
              <a:schemeClr val="accent5"/>
            </a:fillRef>
            <a:effectRef idx="2">
              <a:schemeClr val="accent5"/>
            </a:effectRef>
            <a:fontRef idx="minor">
              <a:schemeClr val="lt1"/>
            </a:fontRef>
          </p:style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US" sz="2400">
                  <a:solidFill>
                    <a:schemeClr val="bg1"/>
                  </a:solidFill>
                  <a:latin typeface="+mn-lt"/>
                </a:rPr>
                <a:t>CODE</a:t>
              </a:r>
              <a:endParaRPr lang="LID4096" sz="2400" dirty="0" err="1">
                <a:solidFill>
                  <a:schemeClr val="bg1"/>
                </a:solidFill>
                <a:latin typeface="+mn-lt"/>
              </a:endParaRPr>
            </a:p>
          </p:txBody>
        </p:sp>
      </p:grpSp>
      <p:sp>
        <p:nvSpPr>
          <p:cNvPr id="22" name="TextBox 21">
            <a:extLst>
              <a:ext uri="{FF2B5EF4-FFF2-40B4-BE49-F238E27FC236}">
                <a16:creationId xmlns:a16="http://schemas.microsoft.com/office/drawing/2014/main" id="{D10EC544-9519-9436-2BAF-A0F61620C56E}"/>
              </a:ext>
            </a:extLst>
          </p:cNvPr>
          <p:cNvSpPr txBox="1"/>
          <p:nvPr/>
        </p:nvSpPr>
        <p:spPr>
          <a:xfrm>
            <a:off x="8086684" y="2200994"/>
            <a:ext cx="34785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>
                <a:solidFill>
                  <a:srgbClr val="00B050"/>
                </a:solidFill>
                <a:latin typeface="+mn-lt"/>
              </a:rPr>
              <a:t>a=0</a:t>
            </a:r>
            <a:endParaRPr lang="LID4096" dirty="0" err="1">
              <a:solidFill>
                <a:srgbClr val="00B050"/>
              </a:solidFill>
              <a:latin typeface="+mn-lt"/>
            </a:endParaRP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6E948C44-70E7-556C-E36B-92FCE691AD8D}"/>
              </a:ext>
            </a:extLst>
          </p:cNvPr>
          <p:cNvSpPr txBox="1"/>
          <p:nvPr/>
        </p:nvSpPr>
        <p:spPr>
          <a:xfrm>
            <a:off x="7468791" y="3147494"/>
            <a:ext cx="39187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>
                <a:solidFill>
                  <a:srgbClr val="FFC000"/>
                </a:solidFill>
                <a:latin typeface="+mn-lt"/>
              </a:rPr>
              <a:t>a=1</a:t>
            </a:r>
            <a:endParaRPr lang="LID4096" dirty="0" err="1">
              <a:solidFill>
                <a:srgbClr val="FFC000"/>
              </a:solidFill>
              <a:latin typeface="+mn-lt"/>
            </a:endParaRP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E5019D5C-3C44-8009-4349-D51001EC2126}"/>
              </a:ext>
            </a:extLst>
          </p:cNvPr>
          <p:cNvSpPr txBox="1"/>
          <p:nvPr/>
        </p:nvSpPr>
        <p:spPr>
          <a:xfrm>
            <a:off x="1779541" y="1586228"/>
            <a:ext cx="4609089" cy="1082850"/>
          </a:xfrm>
          <a:custGeom>
            <a:avLst/>
            <a:gdLst>
              <a:gd name="connsiteX0" fmla="*/ 0 w 4609089"/>
              <a:gd name="connsiteY0" fmla="*/ 180479 h 1082850"/>
              <a:gd name="connsiteX1" fmla="*/ 180479 w 4609089"/>
              <a:gd name="connsiteY1" fmla="*/ 0 h 1082850"/>
              <a:gd name="connsiteX2" fmla="*/ 829836 w 4609089"/>
              <a:gd name="connsiteY2" fmla="*/ 0 h 1082850"/>
              <a:gd name="connsiteX3" fmla="*/ 1521675 w 4609089"/>
              <a:gd name="connsiteY3" fmla="*/ 0 h 1082850"/>
              <a:gd name="connsiteX4" fmla="*/ 2213513 w 4609089"/>
              <a:gd name="connsiteY4" fmla="*/ 0 h 1082850"/>
              <a:gd name="connsiteX5" fmla="*/ 2777908 w 4609089"/>
              <a:gd name="connsiteY5" fmla="*/ 0 h 1082850"/>
              <a:gd name="connsiteX6" fmla="*/ 3384784 w 4609089"/>
              <a:gd name="connsiteY6" fmla="*/ 0 h 1082850"/>
              <a:gd name="connsiteX7" fmla="*/ 3864215 w 4609089"/>
              <a:gd name="connsiteY7" fmla="*/ 0 h 1082850"/>
              <a:gd name="connsiteX8" fmla="*/ 4428610 w 4609089"/>
              <a:gd name="connsiteY8" fmla="*/ 0 h 1082850"/>
              <a:gd name="connsiteX9" fmla="*/ 4609089 w 4609089"/>
              <a:gd name="connsiteY9" fmla="*/ 180479 h 1082850"/>
              <a:gd name="connsiteX10" fmla="*/ 4609089 w 4609089"/>
              <a:gd name="connsiteY10" fmla="*/ 519768 h 1082850"/>
              <a:gd name="connsiteX11" fmla="*/ 4609089 w 4609089"/>
              <a:gd name="connsiteY11" fmla="*/ 902371 h 1082850"/>
              <a:gd name="connsiteX12" fmla="*/ 4428610 w 4609089"/>
              <a:gd name="connsiteY12" fmla="*/ 1082850 h 1082850"/>
              <a:gd name="connsiteX13" fmla="*/ 3949178 w 4609089"/>
              <a:gd name="connsiteY13" fmla="*/ 1082850 h 1082850"/>
              <a:gd name="connsiteX14" fmla="*/ 3257340 w 4609089"/>
              <a:gd name="connsiteY14" fmla="*/ 1082850 h 1082850"/>
              <a:gd name="connsiteX15" fmla="*/ 2607982 w 4609089"/>
              <a:gd name="connsiteY15" fmla="*/ 1082850 h 1082850"/>
              <a:gd name="connsiteX16" fmla="*/ 2086069 w 4609089"/>
              <a:gd name="connsiteY16" fmla="*/ 1082850 h 1082850"/>
              <a:gd name="connsiteX17" fmla="*/ 1564156 w 4609089"/>
              <a:gd name="connsiteY17" fmla="*/ 1082850 h 1082850"/>
              <a:gd name="connsiteX18" fmla="*/ 957280 w 4609089"/>
              <a:gd name="connsiteY18" fmla="*/ 1082850 h 1082850"/>
              <a:gd name="connsiteX19" fmla="*/ 180479 w 4609089"/>
              <a:gd name="connsiteY19" fmla="*/ 1082850 h 1082850"/>
              <a:gd name="connsiteX20" fmla="*/ 0 w 4609089"/>
              <a:gd name="connsiteY20" fmla="*/ 902371 h 1082850"/>
              <a:gd name="connsiteX21" fmla="*/ 0 w 4609089"/>
              <a:gd name="connsiteY21" fmla="*/ 526987 h 1082850"/>
              <a:gd name="connsiteX22" fmla="*/ 0 w 4609089"/>
              <a:gd name="connsiteY22" fmla="*/ 180479 h 10828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</a:cxnLst>
            <a:rect l="l" t="t" r="r" b="b"/>
            <a:pathLst>
              <a:path w="4609089" h="1082850" extrusionOk="0">
                <a:moveTo>
                  <a:pt x="0" y="180479"/>
                </a:moveTo>
                <a:cubicBezTo>
                  <a:pt x="7946" y="77759"/>
                  <a:pt x="69863" y="2811"/>
                  <a:pt x="180479" y="0"/>
                </a:cubicBezTo>
                <a:cubicBezTo>
                  <a:pt x="491984" y="25335"/>
                  <a:pt x="651674" y="6264"/>
                  <a:pt x="829836" y="0"/>
                </a:cubicBezTo>
                <a:cubicBezTo>
                  <a:pt x="1007998" y="-6264"/>
                  <a:pt x="1371027" y="25451"/>
                  <a:pt x="1521675" y="0"/>
                </a:cubicBezTo>
                <a:cubicBezTo>
                  <a:pt x="1672323" y="-25451"/>
                  <a:pt x="2034050" y="1022"/>
                  <a:pt x="2213513" y="0"/>
                </a:cubicBezTo>
                <a:cubicBezTo>
                  <a:pt x="2392976" y="-1022"/>
                  <a:pt x="2603199" y="-16286"/>
                  <a:pt x="2777908" y="0"/>
                </a:cubicBezTo>
                <a:cubicBezTo>
                  <a:pt x="2952617" y="16286"/>
                  <a:pt x="3142511" y="-30258"/>
                  <a:pt x="3384784" y="0"/>
                </a:cubicBezTo>
                <a:cubicBezTo>
                  <a:pt x="3627057" y="30258"/>
                  <a:pt x="3710055" y="-18370"/>
                  <a:pt x="3864215" y="0"/>
                </a:cubicBezTo>
                <a:cubicBezTo>
                  <a:pt x="4018375" y="18370"/>
                  <a:pt x="4222060" y="-25296"/>
                  <a:pt x="4428610" y="0"/>
                </a:cubicBezTo>
                <a:cubicBezTo>
                  <a:pt x="4527998" y="14329"/>
                  <a:pt x="4601237" y="90836"/>
                  <a:pt x="4609089" y="180479"/>
                </a:cubicBezTo>
                <a:cubicBezTo>
                  <a:pt x="4619044" y="306460"/>
                  <a:pt x="4614646" y="373423"/>
                  <a:pt x="4609089" y="519768"/>
                </a:cubicBezTo>
                <a:cubicBezTo>
                  <a:pt x="4603532" y="666113"/>
                  <a:pt x="4610582" y="713955"/>
                  <a:pt x="4609089" y="902371"/>
                </a:cubicBezTo>
                <a:cubicBezTo>
                  <a:pt x="4593323" y="1004690"/>
                  <a:pt x="4530013" y="1072843"/>
                  <a:pt x="4428610" y="1082850"/>
                </a:cubicBezTo>
                <a:cubicBezTo>
                  <a:pt x="4316483" y="1084876"/>
                  <a:pt x="4088641" y="1087656"/>
                  <a:pt x="3949178" y="1082850"/>
                </a:cubicBezTo>
                <a:cubicBezTo>
                  <a:pt x="3809715" y="1078044"/>
                  <a:pt x="3591816" y="1074431"/>
                  <a:pt x="3257340" y="1082850"/>
                </a:cubicBezTo>
                <a:cubicBezTo>
                  <a:pt x="2922864" y="1091269"/>
                  <a:pt x="2810906" y="1053200"/>
                  <a:pt x="2607982" y="1082850"/>
                </a:cubicBezTo>
                <a:cubicBezTo>
                  <a:pt x="2405058" y="1112500"/>
                  <a:pt x="2211130" y="1094223"/>
                  <a:pt x="2086069" y="1082850"/>
                </a:cubicBezTo>
                <a:cubicBezTo>
                  <a:pt x="1961008" y="1071477"/>
                  <a:pt x="1788068" y="1086372"/>
                  <a:pt x="1564156" y="1082850"/>
                </a:cubicBezTo>
                <a:cubicBezTo>
                  <a:pt x="1340244" y="1079328"/>
                  <a:pt x="1127483" y="1095304"/>
                  <a:pt x="957280" y="1082850"/>
                </a:cubicBezTo>
                <a:cubicBezTo>
                  <a:pt x="787077" y="1070396"/>
                  <a:pt x="399244" y="1081559"/>
                  <a:pt x="180479" y="1082850"/>
                </a:cubicBezTo>
                <a:cubicBezTo>
                  <a:pt x="105015" y="1080377"/>
                  <a:pt x="1124" y="996902"/>
                  <a:pt x="0" y="902371"/>
                </a:cubicBezTo>
                <a:cubicBezTo>
                  <a:pt x="10476" y="737329"/>
                  <a:pt x="-14297" y="703827"/>
                  <a:pt x="0" y="526987"/>
                </a:cubicBezTo>
                <a:cubicBezTo>
                  <a:pt x="14297" y="350147"/>
                  <a:pt x="-14468" y="333791"/>
                  <a:pt x="0" y="180479"/>
                </a:cubicBezTo>
                <a:close/>
              </a:path>
            </a:pathLst>
          </a:custGeom>
          <a:noFill/>
          <a:ln w="12700">
            <a:solidFill>
              <a:srgbClr val="FF6600"/>
            </a:solidFill>
            <a:extLst>
              <a:ext uri="{C807C97D-BFC1-408E-A445-0C87EB9F89A2}">
                <ask:lineSketchStyleProps xmlns:ask="http://schemas.microsoft.com/office/drawing/2018/sketchyshapes" sd="908866365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txBody>
          <a:bodyPr wrap="square">
            <a:spAutoFit/>
          </a:bodyPr>
          <a:lstStyle/>
          <a:p>
            <a:pPr marL="0" indent="0">
              <a:lnSpc>
                <a:spcPct val="90000"/>
              </a:lnSpc>
              <a:buNone/>
            </a:pPr>
            <a:r>
              <a:rPr lang="en-US" sz="1600">
                <a:solidFill>
                  <a:schemeClr val="tx2"/>
                </a:solidFill>
              </a:rPr>
              <a:t>The BSR is useful to address data memory; </a:t>
            </a:r>
            <a:r>
              <a:rPr lang="en-US" sz="1600" b="1">
                <a:solidFill>
                  <a:srgbClr val="FF6600"/>
                </a:solidFill>
              </a:rPr>
              <a:t>however</a:t>
            </a:r>
            <a:r>
              <a:rPr lang="en-US" sz="1600">
                <a:solidFill>
                  <a:schemeClr val="tx2"/>
                </a:solidFill>
              </a:rPr>
              <a:t>, care must be taken when switching banks to make sure you write/read the correct memory location</a:t>
            </a:r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FF7A508D-4D2B-9251-DB3D-FAE563D6F6E2}"/>
              </a:ext>
            </a:extLst>
          </p:cNvPr>
          <p:cNvSpPr/>
          <p:nvPr/>
        </p:nvSpPr>
        <p:spPr bwMode="auto">
          <a:xfrm>
            <a:off x="8322067" y="3683446"/>
            <a:ext cx="262291" cy="262291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05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2</a:t>
            </a:r>
            <a:endParaRPr kumimoji="0" lang="LID4096" sz="105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71A8D035-9496-9AE9-C59A-CB80CB9E3183}"/>
              </a:ext>
            </a:extLst>
          </p:cNvPr>
          <p:cNvSpPr/>
          <p:nvPr/>
        </p:nvSpPr>
        <p:spPr bwMode="auto">
          <a:xfrm>
            <a:off x="8346710" y="1822666"/>
            <a:ext cx="262291" cy="262291"/>
          </a:xfrm>
          <a:prstGeom prst="ellipse">
            <a:avLst/>
          </a:prstGeom>
          <a:solidFill>
            <a:schemeClr val="accent6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050" b="0" i="0" u="none" strike="noStrike" cap="none" normalizeH="0" baseline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1</a:t>
            </a:r>
            <a:endParaRPr kumimoji="0" lang="LID4096" sz="105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8445424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B517934-053F-FF86-552E-F307D2D9DA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MPLAB</a:t>
            </a:r>
            <a:r>
              <a:rPr lang="en-US" dirty="0"/>
              <a:t> EXERCISE WITH PIC18F57Q43</a:t>
            </a:r>
            <a:endParaRPr lang="LID4096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A309B0-A3E7-707D-2E82-3AC7B3C91B3A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903201" cy="4546800"/>
          </a:xfrm>
        </p:spPr>
        <p:txBody>
          <a:bodyPr anchor="ctr">
            <a:normAutofit/>
          </a:bodyPr>
          <a:lstStyle/>
          <a:p>
            <a:pPr marL="0" indent="0">
              <a:buNone/>
            </a:pPr>
            <a:r>
              <a:rPr lang="en-US" sz="1400" b="1" dirty="0"/>
              <a:t>Use </a:t>
            </a:r>
            <a:r>
              <a:rPr lang="en-US" sz="1400" b="1" dirty="0" err="1"/>
              <a:t>MPLAB</a:t>
            </a:r>
            <a:r>
              <a:rPr lang="en-US" sz="1400" b="1" dirty="0"/>
              <a:t> X debugger to access data memory of PIC18F57Q43 through Access Bank</a:t>
            </a:r>
          </a:p>
          <a:p>
            <a:pPr marL="342900" indent="-342900">
              <a:buFont typeface="+mj-lt"/>
              <a:buAutoNum type="alphaLcParenR"/>
            </a:pPr>
            <a:r>
              <a:rPr lang="en-US" sz="1400" dirty="0"/>
              <a:t>Load </a:t>
            </a:r>
            <a:r>
              <a:rPr lang="en-US" sz="1400" dirty="0" err="1"/>
              <a:t>0x68</a:t>
            </a:r>
            <a:r>
              <a:rPr lang="en-US" sz="1400" dirty="0"/>
              <a:t> to address 0x100 in Bank 1</a:t>
            </a:r>
          </a:p>
          <a:p>
            <a:pPr marL="342900" indent="-342900">
              <a:buFont typeface="+mj-lt"/>
              <a:buAutoNum type="alphaLcParenR"/>
            </a:pPr>
            <a:r>
              <a:rPr lang="en-US" sz="1400" dirty="0"/>
              <a:t>Load 194</a:t>
            </a:r>
            <a:r>
              <a:rPr lang="en-US" sz="1400" baseline="-25000" dirty="0"/>
              <a:t>10</a:t>
            </a:r>
            <a:r>
              <a:rPr lang="en-US" sz="1400" dirty="0"/>
              <a:t> to address 0x200 in Bank 2</a:t>
            </a:r>
          </a:p>
          <a:p>
            <a:pPr marL="342900" indent="-342900">
              <a:buFont typeface="+mj-lt"/>
              <a:buAutoNum type="alphaLcParenR"/>
            </a:pPr>
            <a:r>
              <a:rPr lang="en-US" sz="1400" dirty="0"/>
              <a:t>Load </a:t>
            </a:r>
            <a:r>
              <a:rPr lang="en-US" sz="1400" dirty="0" err="1"/>
              <a:t>0x89</a:t>
            </a:r>
            <a:r>
              <a:rPr lang="en-US" sz="1400" dirty="0"/>
              <a:t> to address 0x345</a:t>
            </a:r>
          </a:p>
          <a:p>
            <a:pPr marL="342900" indent="-342900">
              <a:buFont typeface="+mj-lt"/>
              <a:buAutoNum type="alphaLcParenR"/>
            </a:pPr>
            <a:r>
              <a:rPr lang="en-US" sz="1400" dirty="0"/>
              <a:t>Load 58</a:t>
            </a:r>
            <a:r>
              <a:rPr lang="en-US" sz="1400" baseline="-25000" dirty="0"/>
              <a:t>10</a:t>
            </a:r>
            <a:r>
              <a:rPr lang="en-US" sz="1400" dirty="0"/>
              <a:t> to address </a:t>
            </a:r>
            <a:r>
              <a:rPr lang="en-US" sz="1400" dirty="0" err="1"/>
              <a:t>0x2FF</a:t>
            </a:r>
            <a:endParaRPr lang="en-US" sz="1400" dirty="0"/>
          </a:p>
        </p:txBody>
      </p:sp>
      <p:sp>
        <p:nvSpPr>
          <p:cNvPr id="3" name="Slide Number Placeholder 4">
            <a:extLst>
              <a:ext uri="{FF2B5EF4-FFF2-40B4-BE49-F238E27FC236}">
                <a16:creationId xmlns:a16="http://schemas.microsoft.com/office/drawing/2014/main" id="{AABEEDF2-3645-C5F3-5BD8-BF18B54D810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E976D3D-84C2-A052-441A-7AA8EEA16F9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7156973" y="2108834"/>
            <a:ext cx="4565777" cy="3702821"/>
          </a:xfrm>
          <a:prstGeom prst="roundRect">
            <a:avLst>
              <a:gd name="adj" fmla="val 5501"/>
            </a:avLst>
          </a:prstGeom>
          <a:solidFill>
            <a:schemeClr val="accent4">
              <a:lumMod val="20000"/>
              <a:lumOff val="80000"/>
            </a:schemeClr>
          </a:solidFill>
          <a:ln>
            <a:solidFill>
              <a:srgbClr val="92D050"/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lIns="72000" tIns="72000" rIns="72000" bIns="72000"/>
          <a:lstStyle/>
          <a:p>
            <a:pPr marL="0" indent="0">
              <a:buNone/>
            </a:pPr>
            <a:r>
              <a:rPr lang="en-US" sz="1600">
                <a:solidFill>
                  <a:srgbClr val="2F3EEA"/>
                </a:solidFill>
                <a:latin typeface="Consolas" panose="020B0609020204030204" pitchFamily="49" charset="0"/>
              </a:rPr>
              <a:t>PROCESSOR 18F57Q43</a:t>
            </a:r>
            <a:endParaRPr lang="en-US" sz="1600" dirty="0">
              <a:solidFill>
                <a:srgbClr val="2F3EEA"/>
              </a:solidFill>
              <a:latin typeface="Consolas" panose="020B0609020204030204" pitchFamily="49" charset="0"/>
            </a:endParaRPr>
          </a:p>
          <a:p>
            <a:pPr marL="0" indent="0">
              <a:buNone/>
            </a:pPr>
            <a:r>
              <a:rPr lang="en-US" sz="1600">
                <a:solidFill>
                  <a:srgbClr val="2F3EEA"/>
                </a:solidFill>
                <a:latin typeface="Consolas" panose="020B0609020204030204" pitchFamily="49" charset="0"/>
              </a:rPr>
              <a:t>#include &lt;</a:t>
            </a:r>
            <a:r>
              <a:rPr lang="en-US" sz="1600" dirty="0">
                <a:solidFill>
                  <a:srgbClr val="2F3EEA"/>
                </a:solidFill>
                <a:latin typeface="Consolas" panose="020B0609020204030204" pitchFamily="49" charset="0"/>
              </a:rPr>
              <a:t>xc.inc&gt;</a:t>
            </a:r>
          </a:p>
          <a:p>
            <a:pPr marL="0" indent="0">
              <a:buNone/>
            </a:pPr>
            <a:endParaRPr lang="en-US" sz="1600" dirty="0">
              <a:solidFill>
                <a:srgbClr val="2F3EEA"/>
              </a:solidFill>
              <a:latin typeface="Consolas" panose="020B0609020204030204" pitchFamily="49" charset="0"/>
            </a:endParaRPr>
          </a:p>
          <a:p>
            <a:pPr marL="0" indent="0">
              <a:buNone/>
            </a:pPr>
            <a:r>
              <a:rPr lang="en-US" sz="1600">
                <a:solidFill>
                  <a:srgbClr val="2F3EEA"/>
                </a:solidFill>
                <a:latin typeface="Consolas" panose="020B0609020204030204" pitchFamily="49" charset="0"/>
              </a:rPr>
              <a:t>PSECT resetVec</a:t>
            </a:r>
            <a:r>
              <a:rPr lang="en-US" sz="1600" dirty="0">
                <a:solidFill>
                  <a:srgbClr val="2F3EEA"/>
                </a:solidFill>
                <a:latin typeface="Consolas" panose="020B0609020204030204" pitchFamily="49" charset="0"/>
              </a:rPr>
              <a:t>, class=CODE, </a:t>
            </a:r>
            <a:r>
              <a:rPr lang="en-US" sz="1600" dirty="0" err="1">
                <a:solidFill>
                  <a:srgbClr val="2F3EEA"/>
                </a:solidFill>
                <a:latin typeface="Consolas" panose="020B0609020204030204" pitchFamily="49" charset="0"/>
              </a:rPr>
              <a:t>reloc</a:t>
            </a:r>
            <a:r>
              <a:rPr lang="en-US" sz="1600" dirty="0">
                <a:solidFill>
                  <a:srgbClr val="2F3EEA"/>
                </a:solidFill>
                <a:latin typeface="Consolas" panose="020B0609020204030204" pitchFamily="49" charset="0"/>
              </a:rPr>
              <a:t>=2</a:t>
            </a:r>
          </a:p>
          <a:p>
            <a:pPr marL="0" indent="0">
              <a:buNone/>
            </a:pPr>
            <a:endParaRPr lang="en-US" sz="1600" dirty="0">
              <a:solidFill>
                <a:srgbClr val="2F3EEA"/>
              </a:solidFill>
              <a:latin typeface="Consolas" panose="020B0609020204030204" pitchFamily="49" charset="0"/>
            </a:endParaRPr>
          </a:p>
          <a:p>
            <a:pPr marL="0" indent="0">
              <a:buNone/>
            </a:pPr>
            <a:r>
              <a:rPr lang="en-US" sz="1600" dirty="0" err="1">
                <a:solidFill>
                  <a:srgbClr val="2F3EEA"/>
                </a:solidFill>
                <a:latin typeface="Consolas" panose="020B0609020204030204" pitchFamily="49" charset="0"/>
              </a:rPr>
              <a:t>resetVec</a:t>
            </a:r>
            <a:r>
              <a:rPr lang="en-US" sz="1600" dirty="0">
                <a:solidFill>
                  <a:srgbClr val="2F3EEA"/>
                </a:solidFill>
                <a:latin typeface="Consolas" panose="020B0609020204030204" pitchFamily="49" charset="0"/>
              </a:rPr>
              <a:t>:</a:t>
            </a:r>
          </a:p>
          <a:p>
            <a:pPr marL="0" indent="0">
              <a:buNone/>
            </a:pPr>
            <a:r>
              <a:rPr lang="en-US" sz="1600" dirty="0">
                <a:solidFill>
                  <a:srgbClr val="2F3EEA"/>
                </a:solidFill>
                <a:latin typeface="Consolas" panose="020B0609020204030204" pitchFamily="49" charset="0"/>
              </a:rPr>
              <a:t>    </a:t>
            </a:r>
            <a:r>
              <a:rPr lang="en-US" sz="1600" dirty="0" err="1">
                <a:solidFill>
                  <a:srgbClr val="2F3EEA"/>
                </a:solidFill>
                <a:latin typeface="Consolas" panose="020B0609020204030204" pitchFamily="49" charset="0"/>
              </a:rPr>
              <a:t>goto</a:t>
            </a:r>
            <a:r>
              <a:rPr lang="en-US" sz="1600" dirty="0">
                <a:solidFill>
                  <a:srgbClr val="2F3EEA"/>
                </a:solidFill>
                <a:latin typeface="Consolas" panose="020B0609020204030204" pitchFamily="49" charset="0"/>
              </a:rPr>
              <a:t>    main</a:t>
            </a:r>
          </a:p>
          <a:p>
            <a:pPr marL="0" indent="0">
              <a:buNone/>
            </a:pPr>
            <a:endParaRPr lang="en-US" sz="1600" dirty="0">
              <a:solidFill>
                <a:srgbClr val="2F3EEA"/>
              </a:solidFill>
              <a:latin typeface="Consolas" panose="020B0609020204030204" pitchFamily="49" charset="0"/>
            </a:endParaRPr>
          </a:p>
          <a:p>
            <a:pPr marL="0" indent="0">
              <a:buNone/>
            </a:pPr>
            <a:r>
              <a:rPr lang="en-US" sz="1600" dirty="0" err="1">
                <a:solidFill>
                  <a:srgbClr val="2F3EEA"/>
                </a:solidFill>
                <a:latin typeface="Consolas" panose="020B0609020204030204" pitchFamily="49" charset="0"/>
              </a:rPr>
              <a:t>PSECT</a:t>
            </a:r>
            <a:r>
              <a:rPr lang="en-US" sz="1600" dirty="0">
                <a:solidFill>
                  <a:srgbClr val="2F3EEA"/>
                </a:solidFill>
                <a:latin typeface="Consolas" panose="020B0609020204030204" pitchFamily="49" charset="0"/>
              </a:rPr>
              <a:t> code</a:t>
            </a:r>
          </a:p>
          <a:p>
            <a:pPr marL="0" indent="0">
              <a:buNone/>
            </a:pPr>
            <a:r>
              <a:rPr lang="en-US" sz="1600" dirty="0">
                <a:solidFill>
                  <a:srgbClr val="2F3EEA"/>
                </a:solidFill>
                <a:latin typeface="Consolas" panose="020B0609020204030204" pitchFamily="49" charset="0"/>
              </a:rPr>
              <a:t>main:</a:t>
            </a:r>
          </a:p>
          <a:p>
            <a:pPr marL="0" indent="0">
              <a:buNone/>
            </a:pPr>
            <a:r>
              <a:rPr lang="en-US" sz="1600" dirty="0">
                <a:solidFill>
                  <a:srgbClr val="2F3EEA"/>
                </a:solidFill>
                <a:latin typeface="Consolas" panose="020B0609020204030204" pitchFamily="49" charset="0"/>
              </a:rPr>
              <a:t>	</a:t>
            </a:r>
            <a:r>
              <a:rPr lang="en-US" sz="1600" dirty="0">
                <a:solidFill>
                  <a:srgbClr val="FF6600"/>
                </a:solidFill>
                <a:latin typeface="Consolas" panose="020B0609020204030204" pitchFamily="49" charset="0"/>
              </a:rPr>
              <a:t>; YOUR CODE GOES HERE</a:t>
            </a:r>
          </a:p>
          <a:p>
            <a:pPr marL="0" indent="0">
              <a:buNone/>
            </a:pPr>
            <a:r>
              <a:rPr lang="en-US" sz="1600" dirty="0">
                <a:solidFill>
                  <a:srgbClr val="2F3EEA"/>
                </a:solidFill>
                <a:latin typeface="Consolas" panose="020B0609020204030204" pitchFamily="49" charset="0"/>
              </a:rPr>
              <a:t>end </a:t>
            </a:r>
            <a:r>
              <a:rPr lang="en-US" sz="1600" dirty="0" err="1">
                <a:solidFill>
                  <a:srgbClr val="2F3EEA"/>
                </a:solidFill>
                <a:latin typeface="Consolas" panose="020B0609020204030204" pitchFamily="49" charset="0"/>
              </a:rPr>
              <a:t>resetVec</a:t>
            </a:r>
            <a:endParaRPr lang="en-US" sz="1600" dirty="0">
              <a:solidFill>
                <a:srgbClr val="2F3EEA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509932029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34007F3E-9AAC-1E56-D590-855686936CC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Hardware Stack</a:t>
            </a:r>
            <a:endParaRPr lang="LID4096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7ABD9E20-3E63-2A06-A278-DD3FCB5BA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 err="1"/>
              <a:t>TE2015</a:t>
            </a:r>
            <a:r>
              <a:rPr lang="en-US" dirty="0"/>
              <a:t> </a:t>
            </a:r>
            <a:r>
              <a:rPr lang="en-US" dirty="0" err="1"/>
              <a:t>Microcontroladores</a:t>
            </a:r>
            <a:endParaRPr lang="LID4096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CE86259-A478-FA8D-018D-21501FFD6FD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333008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1B6A529-D782-58F2-7F2C-72CE504C54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RDWARE STAC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E925318-DB10-559E-E874-F50EAAE8AB6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anchor="ctr"/>
          <a:lstStyle/>
          <a:p>
            <a:pPr>
              <a:lnSpc>
                <a:spcPct val="150000"/>
              </a:lnSpc>
            </a:pPr>
            <a:r>
              <a:rPr lang="en-US" dirty="0"/>
              <a:t>Hardware stack is a memory we use to store return addresses after interrupts and subroutine calls</a:t>
            </a:r>
          </a:p>
          <a:p>
            <a:pPr>
              <a:lnSpc>
                <a:spcPct val="150000"/>
              </a:lnSpc>
            </a:pPr>
            <a:r>
              <a:rPr lang="en-US" dirty="0" err="1"/>
              <a:t>PIC18</a:t>
            </a:r>
            <a:r>
              <a:rPr lang="en-US" dirty="0"/>
              <a:t> family accounts for 31 stack levels; however, </a:t>
            </a:r>
            <a:r>
              <a:rPr lang="en-US" b="1" dirty="0"/>
              <a:t>PIC18F57Q43 implements 127 stack levels</a:t>
            </a:r>
          </a:p>
          <a:p>
            <a:pPr>
              <a:lnSpc>
                <a:spcPct val="150000"/>
              </a:lnSpc>
            </a:pPr>
            <a:r>
              <a:rPr lang="en-US" dirty="0"/>
              <a:t>Each time a CALL or </a:t>
            </a:r>
            <a:r>
              <a:rPr lang="en-US" dirty="0" err="1"/>
              <a:t>RCALL</a:t>
            </a:r>
            <a:r>
              <a:rPr lang="en-US" dirty="0"/>
              <a:t> instruction is executed, or an interrupt is generated, the value on </a:t>
            </a:r>
            <a:r>
              <a:rPr lang="en-US" b="1" dirty="0"/>
              <a:t>PC is transferred to the Stack</a:t>
            </a:r>
          </a:p>
          <a:p>
            <a:pPr>
              <a:lnSpc>
                <a:spcPct val="150000"/>
              </a:lnSpc>
            </a:pPr>
            <a:r>
              <a:rPr lang="en-US" dirty="0"/>
              <a:t>Then, the value from the </a:t>
            </a:r>
            <a:r>
              <a:rPr lang="en-US" b="1" dirty="0"/>
              <a:t>Stack to the PC </a:t>
            </a:r>
            <a:r>
              <a:rPr lang="en-US" dirty="0"/>
              <a:t>is transferred back with instructions RETURN, </a:t>
            </a:r>
            <a:r>
              <a:rPr lang="en-US" dirty="0" err="1"/>
              <a:t>RETLW</a:t>
            </a:r>
            <a:r>
              <a:rPr lang="en-US" dirty="0"/>
              <a:t> and </a:t>
            </a:r>
            <a:r>
              <a:rPr lang="en-US" dirty="0" err="1"/>
              <a:t>RETFIE</a:t>
            </a:r>
            <a:endParaRPr lang="en-US" dirty="0"/>
          </a:p>
          <a:p>
            <a:pPr>
              <a:lnSpc>
                <a:spcPct val="150000"/>
              </a:lnSpc>
            </a:pP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94D3B0-9549-9297-0CE7-A8ED88D243C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graphicFrame>
        <p:nvGraphicFramePr>
          <p:cNvPr id="11" name="Content Placeholder 5">
            <a:extLst>
              <a:ext uri="{FF2B5EF4-FFF2-40B4-BE49-F238E27FC236}">
                <a16:creationId xmlns:a16="http://schemas.microsoft.com/office/drawing/2014/main" id="{8FEFF800-6F9A-0555-AA31-B91718800635}"/>
              </a:ext>
            </a:extLst>
          </p:cNvPr>
          <p:cNvGraphicFramePr>
            <a:graphicFrameLocks noGrp="1"/>
          </p:cNvGraphicFramePr>
          <p:nvPr>
            <p:ph type="pic" sz="quarter" idx="13"/>
            <p:extLst>
              <p:ext uri="{D42A27DB-BD31-4B8C-83A1-F6EECF244321}">
                <p14:modId xmlns:p14="http://schemas.microsoft.com/office/powerpoint/2010/main" val="2407421858"/>
              </p:ext>
            </p:extLst>
          </p:nvPr>
        </p:nvGraphicFramePr>
        <p:xfrm>
          <a:off x="8331200" y="849313"/>
          <a:ext cx="3859213" cy="25066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graphicFrame>
        <p:nvGraphicFramePr>
          <p:cNvPr id="12" name="Content Placeholder 5">
            <a:extLst>
              <a:ext uri="{FF2B5EF4-FFF2-40B4-BE49-F238E27FC236}">
                <a16:creationId xmlns:a16="http://schemas.microsoft.com/office/drawing/2014/main" id="{096B2C6C-19A7-A943-7B5B-57C0D7C288BE}"/>
              </a:ext>
            </a:extLst>
          </p:cNvPr>
          <p:cNvGraphicFramePr>
            <a:graphicFrameLocks noGrp="1"/>
          </p:cNvGraphicFramePr>
          <p:nvPr>
            <p:ph type="pic" sz="quarter" idx="14"/>
            <p:extLst>
              <p:ext uri="{D42A27DB-BD31-4B8C-83A1-F6EECF244321}">
                <p14:modId xmlns:p14="http://schemas.microsoft.com/office/powerpoint/2010/main" val="611079877"/>
              </p:ext>
            </p:extLst>
          </p:nvPr>
        </p:nvGraphicFramePr>
        <p:xfrm>
          <a:off x="8331200" y="3912257"/>
          <a:ext cx="3859213" cy="250507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7" r:lo="rId8" r:qs="rId9" r:cs="rId10"/>
          </a:graphicData>
        </a:graphic>
      </p:graphicFrame>
    </p:spTree>
    <p:extLst>
      <p:ext uri="{BB962C8B-B14F-4D97-AF65-F5344CB8AC3E}">
        <p14:creationId xmlns:p14="http://schemas.microsoft.com/office/powerpoint/2010/main" val="2756905196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30A4F2-8416-2E36-BB7A-5177088E15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RDWARE STACK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0B6D5B-B1E0-78E3-49CD-0DB4E16A0F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p:graphicFrame>
        <p:nvGraphicFramePr>
          <p:cNvPr id="12" name="Table 6">
            <a:extLst>
              <a:ext uri="{FF2B5EF4-FFF2-40B4-BE49-F238E27FC236}">
                <a16:creationId xmlns:a16="http://schemas.microsoft.com/office/drawing/2014/main" id="{FF392F1F-AA00-2474-B4A3-E7EC8C4A4A4C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1982775169"/>
              </p:ext>
            </p:extLst>
          </p:nvPr>
        </p:nvGraphicFramePr>
        <p:xfrm>
          <a:off x="1774825" y="1706563"/>
          <a:ext cx="3383280" cy="4450080"/>
        </p:xfrm>
        <a:graphic>
          <a:graphicData uri="http://schemas.openxmlformats.org/drawingml/2006/table">
            <a:tbl>
              <a:tblPr firstRow="1" bandRow="1">
                <a:tableStyleId>{0505E3EF-67EA-436B-97B2-0124C06EBD24}</a:tableStyleId>
              </a:tblPr>
              <a:tblGrid>
                <a:gridCol w="776722">
                  <a:extLst>
                    <a:ext uri="{9D8B030D-6E8A-4147-A177-3AD203B41FA5}">
                      <a16:colId xmlns:a16="http://schemas.microsoft.com/office/drawing/2014/main" val="3949254090"/>
                    </a:ext>
                  </a:extLst>
                </a:gridCol>
                <a:gridCol w="2606558">
                  <a:extLst>
                    <a:ext uri="{9D8B030D-6E8A-4147-A177-3AD203B41FA5}">
                      <a16:colId xmlns:a16="http://schemas.microsoft.com/office/drawing/2014/main" val="409746520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loop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5634558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0</a:t>
                      </a:r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cf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159030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1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944576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sf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990751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3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596254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4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goto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loop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868020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402560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delay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447725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A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6411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B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530670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C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7805275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D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return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598253321"/>
                  </a:ext>
                </a:extLst>
              </a:tr>
            </a:tbl>
          </a:graphicData>
        </a:graphic>
      </p:graphicFrame>
      <p:sp>
        <p:nvSpPr>
          <p:cNvPr id="14" name="Arrow: Right 13">
            <a:extLst>
              <a:ext uri="{FF2B5EF4-FFF2-40B4-BE49-F238E27FC236}">
                <a16:creationId xmlns:a16="http://schemas.microsoft.com/office/drawing/2014/main" id="{72ADE4D3-2313-C59C-BC50-BC5471C55E1E}"/>
              </a:ext>
            </a:extLst>
          </p:cNvPr>
          <p:cNvSpPr/>
          <p:nvPr/>
        </p:nvSpPr>
        <p:spPr bwMode="auto">
          <a:xfrm>
            <a:off x="730610" y="2420888"/>
            <a:ext cx="936104" cy="426546"/>
          </a:xfrm>
          <a:prstGeom prst="rightArrow">
            <a:avLst>
              <a:gd name="adj1" fmla="val 42171"/>
              <a:gd name="adj2" fmla="val 55872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2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C</a:t>
            </a:r>
          </a:p>
        </p:txBody>
      </p:sp>
      <p:graphicFrame>
        <p:nvGraphicFramePr>
          <p:cNvPr id="17" name="Table 13">
            <a:extLst>
              <a:ext uri="{FF2B5EF4-FFF2-40B4-BE49-F238E27FC236}">
                <a16:creationId xmlns:a16="http://schemas.microsoft.com/office/drawing/2014/main" id="{699780A3-DB70-7C88-A025-80C08D89D09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594813568"/>
              </p:ext>
            </p:extLst>
          </p:nvPr>
        </p:nvGraphicFramePr>
        <p:xfrm>
          <a:off x="8039422" y="1618899"/>
          <a:ext cx="1643522" cy="4625408"/>
        </p:xfrm>
        <a:graphic>
          <a:graphicData uri="http://schemas.openxmlformats.org/drawingml/2006/table">
            <a:tbl>
              <a:tblPr firstRow="1" bandRow="1">
                <a:tableStyleId>{B301B821-A1FF-4177-AEE7-76D212191A09}</a:tableStyleId>
              </a:tblPr>
              <a:tblGrid>
                <a:gridCol w="1643522">
                  <a:extLst>
                    <a:ext uri="{9D8B030D-6E8A-4147-A177-3AD203B41FA5}">
                      <a16:colId xmlns:a16="http://schemas.microsoft.com/office/drawing/2014/main" val="2659342890"/>
                    </a:ext>
                  </a:extLst>
                </a:gridCol>
              </a:tblGrid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STACK</a:t>
                      </a:r>
                    </a:p>
                  </a:txBody>
                  <a:tcPr anchor="ctr">
                    <a:solidFill>
                      <a:srgbClr val="2F3E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3858316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40074208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81633235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5104416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7224118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73537804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38348370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74471417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883341490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30A4F2-8416-2E36-BB7A-5177088E15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RDWARE STACK</a:t>
            </a:r>
          </a:p>
        </p:txBody>
      </p:sp>
      <p:graphicFrame>
        <p:nvGraphicFramePr>
          <p:cNvPr id="13" name="Table 13">
            <a:extLst>
              <a:ext uri="{FF2B5EF4-FFF2-40B4-BE49-F238E27FC236}">
                <a16:creationId xmlns:a16="http://schemas.microsoft.com/office/drawing/2014/main" id="{2E7B9D2E-3505-0FE3-D7D0-38EB943D3D6E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4269658595"/>
              </p:ext>
            </p:extLst>
          </p:nvPr>
        </p:nvGraphicFramePr>
        <p:xfrm>
          <a:off x="8039422" y="1618899"/>
          <a:ext cx="1643522" cy="4625408"/>
        </p:xfrm>
        <a:graphic>
          <a:graphicData uri="http://schemas.openxmlformats.org/drawingml/2006/table">
            <a:tbl>
              <a:tblPr firstRow="1" bandRow="1">
                <a:tableStyleId>{B301B821-A1FF-4177-AEE7-76D212191A09}</a:tableStyleId>
              </a:tblPr>
              <a:tblGrid>
                <a:gridCol w="1643522">
                  <a:extLst>
                    <a:ext uri="{9D8B030D-6E8A-4147-A177-3AD203B41FA5}">
                      <a16:colId xmlns:a16="http://schemas.microsoft.com/office/drawing/2014/main" val="2659342890"/>
                    </a:ext>
                  </a:extLst>
                </a:gridCol>
              </a:tblGrid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STACK</a:t>
                      </a:r>
                    </a:p>
                  </a:txBody>
                  <a:tcPr anchor="ctr">
                    <a:solidFill>
                      <a:srgbClr val="2F3E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3858316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sz="2400" dirty="0" err="1">
                          <a:solidFill>
                            <a:srgbClr val="2F3EEA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40074208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81633235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5104416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7224118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73537804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38348370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74471417"/>
                  </a:ext>
                </a:extLst>
              </a:tr>
            </a:tbl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0B6D5B-B1E0-78E3-49CD-0DB4E16A0F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 dirty="0"/>
          </a:p>
        </p:txBody>
      </p:sp>
      <p:graphicFrame>
        <p:nvGraphicFramePr>
          <p:cNvPr id="12" name="Table 6">
            <a:extLst>
              <a:ext uri="{FF2B5EF4-FFF2-40B4-BE49-F238E27FC236}">
                <a16:creationId xmlns:a16="http://schemas.microsoft.com/office/drawing/2014/main" id="{FF392F1F-AA00-2474-B4A3-E7EC8C4A4A4C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14004518"/>
              </p:ext>
            </p:extLst>
          </p:nvPr>
        </p:nvGraphicFramePr>
        <p:xfrm>
          <a:off x="1774825" y="1706563"/>
          <a:ext cx="3383280" cy="4450080"/>
        </p:xfrm>
        <a:graphic>
          <a:graphicData uri="http://schemas.openxmlformats.org/drawingml/2006/table">
            <a:tbl>
              <a:tblPr firstRow="1" bandRow="1">
                <a:tableStyleId>{0505E3EF-67EA-436B-97B2-0124C06EBD24}</a:tableStyleId>
              </a:tblPr>
              <a:tblGrid>
                <a:gridCol w="776722">
                  <a:extLst>
                    <a:ext uri="{9D8B030D-6E8A-4147-A177-3AD203B41FA5}">
                      <a16:colId xmlns:a16="http://schemas.microsoft.com/office/drawing/2014/main" val="3949254090"/>
                    </a:ext>
                  </a:extLst>
                </a:gridCol>
                <a:gridCol w="2606558">
                  <a:extLst>
                    <a:ext uri="{9D8B030D-6E8A-4147-A177-3AD203B41FA5}">
                      <a16:colId xmlns:a16="http://schemas.microsoft.com/office/drawing/2014/main" val="409746520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loop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82811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0</a:t>
                      </a:r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cf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159030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1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944576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sf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990751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3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596254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4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goto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loop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868020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402560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delay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447725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A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6411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B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530670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C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7805275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D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return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598253321"/>
                  </a:ext>
                </a:extLst>
              </a:tr>
            </a:tbl>
          </a:graphicData>
        </a:graphic>
      </p:graphicFrame>
      <p:sp>
        <p:nvSpPr>
          <p:cNvPr id="14" name="Arrow: Right 13">
            <a:extLst>
              <a:ext uri="{FF2B5EF4-FFF2-40B4-BE49-F238E27FC236}">
                <a16:creationId xmlns:a16="http://schemas.microsoft.com/office/drawing/2014/main" id="{72ADE4D3-2313-C59C-BC50-BC5471C55E1E}"/>
              </a:ext>
            </a:extLst>
          </p:cNvPr>
          <p:cNvSpPr/>
          <p:nvPr/>
        </p:nvSpPr>
        <p:spPr bwMode="auto">
          <a:xfrm>
            <a:off x="730610" y="2816932"/>
            <a:ext cx="936104" cy="426546"/>
          </a:xfrm>
          <a:prstGeom prst="rightArrow">
            <a:avLst>
              <a:gd name="adj1" fmla="val 42171"/>
              <a:gd name="adj2" fmla="val 55872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2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C</a:t>
            </a:r>
          </a:p>
        </p:txBody>
      </p:sp>
    </p:spTree>
    <p:extLst>
      <p:ext uri="{BB962C8B-B14F-4D97-AF65-F5344CB8AC3E}">
        <p14:creationId xmlns:p14="http://schemas.microsoft.com/office/powerpoint/2010/main" val="2968579628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30A4F2-8416-2E36-BB7A-5177088E15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RDWARE STACK</a:t>
            </a:r>
          </a:p>
        </p:txBody>
      </p:sp>
      <p:graphicFrame>
        <p:nvGraphicFramePr>
          <p:cNvPr id="13" name="Table 13">
            <a:extLst>
              <a:ext uri="{FF2B5EF4-FFF2-40B4-BE49-F238E27FC236}">
                <a16:creationId xmlns:a16="http://schemas.microsoft.com/office/drawing/2014/main" id="{2E7B9D2E-3505-0FE3-D7D0-38EB943D3D6E}"/>
              </a:ext>
            </a:extLst>
          </p:cNvPr>
          <p:cNvGraphicFramePr>
            <a:graphicFrameLocks noGrp="1"/>
          </p:cNvGraphicFramePr>
          <p:nvPr>
            <p:ph sz="half" idx="2"/>
          </p:nvPr>
        </p:nvGraphicFramePr>
        <p:xfrm>
          <a:off x="8039422" y="1618899"/>
          <a:ext cx="1643522" cy="4625408"/>
        </p:xfrm>
        <a:graphic>
          <a:graphicData uri="http://schemas.openxmlformats.org/drawingml/2006/table">
            <a:tbl>
              <a:tblPr firstRow="1" bandRow="1">
                <a:tableStyleId>{B301B821-A1FF-4177-AEE7-76D212191A09}</a:tableStyleId>
              </a:tblPr>
              <a:tblGrid>
                <a:gridCol w="1643522">
                  <a:extLst>
                    <a:ext uri="{9D8B030D-6E8A-4147-A177-3AD203B41FA5}">
                      <a16:colId xmlns:a16="http://schemas.microsoft.com/office/drawing/2014/main" val="2659342890"/>
                    </a:ext>
                  </a:extLst>
                </a:gridCol>
              </a:tblGrid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STACK</a:t>
                      </a:r>
                    </a:p>
                  </a:txBody>
                  <a:tcPr anchor="ctr">
                    <a:solidFill>
                      <a:srgbClr val="2F3E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3858316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sz="2400" dirty="0" err="1">
                          <a:solidFill>
                            <a:srgbClr val="2F3EEA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40074208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81633235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5104416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7224118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73537804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38348370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74471417"/>
                  </a:ext>
                </a:extLst>
              </a:tr>
            </a:tbl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0B6D5B-B1E0-78E3-49CD-0DB4E16A0F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9</a:t>
            </a:fld>
            <a:endParaRPr lang="en-GB" dirty="0"/>
          </a:p>
        </p:txBody>
      </p:sp>
      <p:graphicFrame>
        <p:nvGraphicFramePr>
          <p:cNvPr id="12" name="Table 6">
            <a:extLst>
              <a:ext uri="{FF2B5EF4-FFF2-40B4-BE49-F238E27FC236}">
                <a16:creationId xmlns:a16="http://schemas.microsoft.com/office/drawing/2014/main" id="{FF392F1F-AA00-2474-B4A3-E7EC8C4A4A4C}"/>
              </a:ext>
            </a:extLst>
          </p:cNvPr>
          <p:cNvGraphicFramePr>
            <a:graphicFrameLocks noGrp="1"/>
          </p:cNvGraphicFramePr>
          <p:nvPr>
            <p:ph sz="half" idx="1"/>
          </p:nvPr>
        </p:nvGraphicFramePr>
        <p:xfrm>
          <a:off x="1774825" y="1706563"/>
          <a:ext cx="3383280" cy="4450080"/>
        </p:xfrm>
        <a:graphic>
          <a:graphicData uri="http://schemas.openxmlformats.org/drawingml/2006/table">
            <a:tbl>
              <a:tblPr firstRow="1" bandRow="1">
                <a:tableStyleId>{0505E3EF-67EA-436B-97B2-0124C06EBD24}</a:tableStyleId>
              </a:tblPr>
              <a:tblGrid>
                <a:gridCol w="776722">
                  <a:extLst>
                    <a:ext uri="{9D8B030D-6E8A-4147-A177-3AD203B41FA5}">
                      <a16:colId xmlns:a16="http://schemas.microsoft.com/office/drawing/2014/main" val="3949254090"/>
                    </a:ext>
                  </a:extLst>
                </a:gridCol>
                <a:gridCol w="2606558">
                  <a:extLst>
                    <a:ext uri="{9D8B030D-6E8A-4147-A177-3AD203B41FA5}">
                      <a16:colId xmlns:a16="http://schemas.microsoft.com/office/drawing/2014/main" val="409746520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loop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82811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0</a:t>
                      </a:r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cf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159030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1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944576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sf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990751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3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596254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4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goto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loop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868020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402560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delay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447725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A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6411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B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530670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C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7805275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D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return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598253321"/>
                  </a:ext>
                </a:extLst>
              </a:tr>
            </a:tbl>
          </a:graphicData>
        </a:graphic>
      </p:graphicFrame>
      <p:sp>
        <p:nvSpPr>
          <p:cNvPr id="14" name="Arrow: Right 13">
            <a:extLst>
              <a:ext uri="{FF2B5EF4-FFF2-40B4-BE49-F238E27FC236}">
                <a16:creationId xmlns:a16="http://schemas.microsoft.com/office/drawing/2014/main" id="{72ADE4D3-2313-C59C-BC50-BC5471C55E1E}"/>
              </a:ext>
            </a:extLst>
          </p:cNvPr>
          <p:cNvSpPr/>
          <p:nvPr/>
        </p:nvSpPr>
        <p:spPr bwMode="auto">
          <a:xfrm>
            <a:off x="730610" y="4653136"/>
            <a:ext cx="936104" cy="426546"/>
          </a:xfrm>
          <a:prstGeom prst="rightArrow">
            <a:avLst>
              <a:gd name="adj1" fmla="val 42171"/>
              <a:gd name="adj2" fmla="val 55872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2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C</a:t>
            </a:r>
          </a:p>
        </p:txBody>
      </p:sp>
    </p:spTree>
    <p:extLst>
      <p:ext uri="{BB962C8B-B14F-4D97-AF65-F5344CB8AC3E}">
        <p14:creationId xmlns:p14="http://schemas.microsoft.com/office/powerpoint/2010/main" val="34723795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2D0DD64-1E7F-240E-D7C8-169E16800B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UTLIN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ABD2501-5E2C-84F8-5978-93D1F7F43359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 anchor="ctr"/>
          <a:lstStyle/>
          <a:p>
            <a:pPr marL="0" indent="0">
              <a:buNone/>
            </a:pPr>
            <a:r>
              <a:rPr lang="en-US" b="1"/>
              <a:t>Tuesday, 16/August</a:t>
            </a:r>
          </a:p>
          <a:p>
            <a:r>
              <a:rPr lang="en-US"/>
              <a:t>Evolution </a:t>
            </a:r>
            <a:r>
              <a:rPr lang="en-US" dirty="0"/>
              <a:t>of the PIC Microcontroller</a:t>
            </a:r>
          </a:p>
          <a:p>
            <a:r>
              <a:rPr lang="en-US" dirty="0"/>
              <a:t>Features of </a:t>
            </a:r>
            <a:r>
              <a:rPr lang="en-US" dirty="0" err="1"/>
              <a:t>PIC18</a:t>
            </a:r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4B35C13A-B74F-208C-1037-FAEFA9222DBD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 anchor="ctr"/>
          <a:lstStyle/>
          <a:p>
            <a:pPr marL="0" indent="0">
              <a:buNone/>
            </a:pPr>
            <a:r>
              <a:rPr lang="en-US" b="1"/>
              <a:t>Friday, 19/August</a:t>
            </a:r>
          </a:p>
          <a:p>
            <a:r>
              <a:rPr lang="en-US"/>
              <a:t>Special </a:t>
            </a:r>
            <a:r>
              <a:rPr lang="en-US" dirty="0"/>
              <a:t>Function Register</a:t>
            </a:r>
          </a:p>
          <a:p>
            <a:r>
              <a:rPr lang="en-US" dirty="0"/>
              <a:t>Access Bank and Bank Select Register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30A4F2-8416-2E36-BB7A-5177088E15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RDWARE STACK</a:t>
            </a:r>
          </a:p>
        </p:txBody>
      </p:sp>
      <p:graphicFrame>
        <p:nvGraphicFramePr>
          <p:cNvPr id="13" name="Table 13">
            <a:extLst>
              <a:ext uri="{FF2B5EF4-FFF2-40B4-BE49-F238E27FC236}">
                <a16:creationId xmlns:a16="http://schemas.microsoft.com/office/drawing/2014/main" id="{2E7B9D2E-3505-0FE3-D7D0-38EB943D3D6E}"/>
              </a:ext>
            </a:extLst>
          </p:cNvPr>
          <p:cNvGraphicFramePr>
            <a:graphicFrameLocks noGrp="1"/>
          </p:cNvGraphicFramePr>
          <p:nvPr>
            <p:ph sz="half" idx="2"/>
          </p:nvPr>
        </p:nvGraphicFramePr>
        <p:xfrm>
          <a:off x="8039422" y="1618899"/>
          <a:ext cx="1643522" cy="4625408"/>
        </p:xfrm>
        <a:graphic>
          <a:graphicData uri="http://schemas.openxmlformats.org/drawingml/2006/table">
            <a:tbl>
              <a:tblPr firstRow="1" bandRow="1">
                <a:tableStyleId>{B301B821-A1FF-4177-AEE7-76D212191A09}</a:tableStyleId>
              </a:tblPr>
              <a:tblGrid>
                <a:gridCol w="1643522">
                  <a:extLst>
                    <a:ext uri="{9D8B030D-6E8A-4147-A177-3AD203B41FA5}">
                      <a16:colId xmlns:a16="http://schemas.microsoft.com/office/drawing/2014/main" val="2659342890"/>
                    </a:ext>
                  </a:extLst>
                </a:gridCol>
              </a:tblGrid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STACK</a:t>
                      </a:r>
                    </a:p>
                  </a:txBody>
                  <a:tcPr anchor="ctr">
                    <a:solidFill>
                      <a:srgbClr val="2F3E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3858316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sz="2400" dirty="0" err="1">
                          <a:solidFill>
                            <a:srgbClr val="2F3EEA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40074208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81633235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5104416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7224118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73537804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38348370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74471417"/>
                  </a:ext>
                </a:extLst>
              </a:tr>
            </a:tbl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0B6D5B-B1E0-78E3-49CD-0DB4E16A0F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  <p:graphicFrame>
        <p:nvGraphicFramePr>
          <p:cNvPr id="12" name="Table 6">
            <a:extLst>
              <a:ext uri="{FF2B5EF4-FFF2-40B4-BE49-F238E27FC236}">
                <a16:creationId xmlns:a16="http://schemas.microsoft.com/office/drawing/2014/main" id="{FF392F1F-AA00-2474-B4A3-E7EC8C4A4A4C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1365255094"/>
              </p:ext>
            </p:extLst>
          </p:nvPr>
        </p:nvGraphicFramePr>
        <p:xfrm>
          <a:off x="1774825" y="1706563"/>
          <a:ext cx="3383280" cy="4450080"/>
        </p:xfrm>
        <a:graphic>
          <a:graphicData uri="http://schemas.openxmlformats.org/drawingml/2006/table">
            <a:tbl>
              <a:tblPr firstRow="1" bandRow="1">
                <a:tableStyleId>{0505E3EF-67EA-436B-97B2-0124C06EBD24}</a:tableStyleId>
              </a:tblPr>
              <a:tblGrid>
                <a:gridCol w="776722">
                  <a:extLst>
                    <a:ext uri="{9D8B030D-6E8A-4147-A177-3AD203B41FA5}">
                      <a16:colId xmlns:a16="http://schemas.microsoft.com/office/drawing/2014/main" val="3949254090"/>
                    </a:ext>
                  </a:extLst>
                </a:gridCol>
                <a:gridCol w="2606558">
                  <a:extLst>
                    <a:ext uri="{9D8B030D-6E8A-4147-A177-3AD203B41FA5}">
                      <a16:colId xmlns:a16="http://schemas.microsoft.com/office/drawing/2014/main" val="409746520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loop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82811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0</a:t>
                      </a:r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cf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159030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1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944576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sf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990751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3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596254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4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goto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loop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868020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402560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delay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447725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A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6411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B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530670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C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7805275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D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return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598253321"/>
                  </a:ext>
                </a:extLst>
              </a:tr>
            </a:tbl>
          </a:graphicData>
        </a:graphic>
      </p:graphicFrame>
      <p:sp>
        <p:nvSpPr>
          <p:cNvPr id="14" name="Arrow: Right 13">
            <a:extLst>
              <a:ext uri="{FF2B5EF4-FFF2-40B4-BE49-F238E27FC236}">
                <a16:creationId xmlns:a16="http://schemas.microsoft.com/office/drawing/2014/main" id="{72ADE4D3-2313-C59C-BC50-BC5471C55E1E}"/>
              </a:ext>
            </a:extLst>
          </p:cNvPr>
          <p:cNvSpPr/>
          <p:nvPr/>
        </p:nvSpPr>
        <p:spPr bwMode="auto">
          <a:xfrm>
            <a:off x="730610" y="5013176"/>
            <a:ext cx="936104" cy="426546"/>
          </a:xfrm>
          <a:prstGeom prst="rightArrow">
            <a:avLst>
              <a:gd name="adj1" fmla="val 42171"/>
              <a:gd name="adj2" fmla="val 55872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2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C</a:t>
            </a:r>
          </a:p>
        </p:txBody>
      </p:sp>
    </p:spTree>
    <p:extLst>
      <p:ext uri="{BB962C8B-B14F-4D97-AF65-F5344CB8AC3E}">
        <p14:creationId xmlns:p14="http://schemas.microsoft.com/office/powerpoint/2010/main" val="2762977252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30A4F2-8416-2E36-BB7A-5177088E15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RDWARE STACK</a:t>
            </a:r>
          </a:p>
        </p:txBody>
      </p:sp>
      <p:graphicFrame>
        <p:nvGraphicFramePr>
          <p:cNvPr id="13" name="Table 13">
            <a:extLst>
              <a:ext uri="{FF2B5EF4-FFF2-40B4-BE49-F238E27FC236}">
                <a16:creationId xmlns:a16="http://schemas.microsoft.com/office/drawing/2014/main" id="{2E7B9D2E-3505-0FE3-D7D0-38EB943D3D6E}"/>
              </a:ext>
            </a:extLst>
          </p:cNvPr>
          <p:cNvGraphicFramePr>
            <a:graphicFrameLocks noGrp="1"/>
          </p:cNvGraphicFramePr>
          <p:nvPr>
            <p:ph sz="half" idx="2"/>
          </p:nvPr>
        </p:nvGraphicFramePr>
        <p:xfrm>
          <a:off x="8039422" y="1618899"/>
          <a:ext cx="1643522" cy="4625408"/>
        </p:xfrm>
        <a:graphic>
          <a:graphicData uri="http://schemas.openxmlformats.org/drawingml/2006/table">
            <a:tbl>
              <a:tblPr firstRow="1" bandRow="1">
                <a:tableStyleId>{B301B821-A1FF-4177-AEE7-76D212191A09}</a:tableStyleId>
              </a:tblPr>
              <a:tblGrid>
                <a:gridCol w="1643522">
                  <a:extLst>
                    <a:ext uri="{9D8B030D-6E8A-4147-A177-3AD203B41FA5}">
                      <a16:colId xmlns:a16="http://schemas.microsoft.com/office/drawing/2014/main" val="2659342890"/>
                    </a:ext>
                  </a:extLst>
                </a:gridCol>
              </a:tblGrid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STACK</a:t>
                      </a:r>
                    </a:p>
                  </a:txBody>
                  <a:tcPr anchor="ctr">
                    <a:solidFill>
                      <a:srgbClr val="2F3E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3858316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sz="2400" dirty="0" err="1">
                          <a:solidFill>
                            <a:srgbClr val="2F3EEA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40074208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81633235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5104416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7224118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73537804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38348370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74471417"/>
                  </a:ext>
                </a:extLst>
              </a:tr>
            </a:tbl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0B6D5B-B1E0-78E3-49CD-0DB4E16A0F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1</a:t>
            </a:fld>
            <a:endParaRPr lang="en-GB" dirty="0"/>
          </a:p>
        </p:txBody>
      </p:sp>
      <p:graphicFrame>
        <p:nvGraphicFramePr>
          <p:cNvPr id="12" name="Table 6">
            <a:extLst>
              <a:ext uri="{FF2B5EF4-FFF2-40B4-BE49-F238E27FC236}">
                <a16:creationId xmlns:a16="http://schemas.microsoft.com/office/drawing/2014/main" id="{FF392F1F-AA00-2474-B4A3-E7EC8C4A4A4C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3819450305"/>
              </p:ext>
            </p:extLst>
          </p:nvPr>
        </p:nvGraphicFramePr>
        <p:xfrm>
          <a:off x="1774825" y="1706563"/>
          <a:ext cx="3383280" cy="4450080"/>
        </p:xfrm>
        <a:graphic>
          <a:graphicData uri="http://schemas.openxmlformats.org/drawingml/2006/table">
            <a:tbl>
              <a:tblPr firstRow="1" bandRow="1">
                <a:tableStyleId>{0505E3EF-67EA-436B-97B2-0124C06EBD24}</a:tableStyleId>
              </a:tblPr>
              <a:tblGrid>
                <a:gridCol w="776722">
                  <a:extLst>
                    <a:ext uri="{9D8B030D-6E8A-4147-A177-3AD203B41FA5}">
                      <a16:colId xmlns:a16="http://schemas.microsoft.com/office/drawing/2014/main" val="3949254090"/>
                    </a:ext>
                  </a:extLst>
                </a:gridCol>
                <a:gridCol w="2606558">
                  <a:extLst>
                    <a:ext uri="{9D8B030D-6E8A-4147-A177-3AD203B41FA5}">
                      <a16:colId xmlns:a16="http://schemas.microsoft.com/office/drawing/2014/main" val="409746520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loop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82811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0</a:t>
                      </a:r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cf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159030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1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944576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sf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990751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3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596254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4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goto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loop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868020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402560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delay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447725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A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6411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B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530670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C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7805275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D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return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598253321"/>
                  </a:ext>
                </a:extLst>
              </a:tr>
            </a:tbl>
          </a:graphicData>
        </a:graphic>
      </p:graphicFrame>
      <p:sp>
        <p:nvSpPr>
          <p:cNvPr id="14" name="Arrow: Right 13">
            <a:extLst>
              <a:ext uri="{FF2B5EF4-FFF2-40B4-BE49-F238E27FC236}">
                <a16:creationId xmlns:a16="http://schemas.microsoft.com/office/drawing/2014/main" id="{72ADE4D3-2313-C59C-BC50-BC5471C55E1E}"/>
              </a:ext>
            </a:extLst>
          </p:cNvPr>
          <p:cNvSpPr/>
          <p:nvPr/>
        </p:nvSpPr>
        <p:spPr bwMode="auto">
          <a:xfrm>
            <a:off x="730610" y="5373216"/>
            <a:ext cx="936104" cy="426546"/>
          </a:xfrm>
          <a:prstGeom prst="rightArrow">
            <a:avLst>
              <a:gd name="adj1" fmla="val 42171"/>
              <a:gd name="adj2" fmla="val 55872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2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C</a:t>
            </a:r>
          </a:p>
        </p:txBody>
      </p:sp>
    </p:spTree>
    <p:extLst>
      <p:ext uri="{BB962C8B-B14F-4D97-AF65-F5344CB8AC3E}">
        <p14:creationId xmlns:p14="http://schemas.microsoft.com/office/powerpoint/2010/main" val="2583010504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30A4F2-8416-2E36-BB7A-5177088E15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RDWARE STACK</a:t>
            </a:r>
          </a:p>
        </p:txBody>
      </p:sp>
      <p:graphicFrame>
        <p:nvGraphicFramePr>
          <p:cNvPr id="13" name="Table 13">
            <a:extLst>
              <a:ext uri="{FF2B5EF4-FFF2-40B4-BE49-F238E27FC236}">
                <a16:creationId xmlns:a16="http://schemas.microsoft.com/office/drawing/2014/main" id="{2E7B9D2E-3505-0FE3-D7D0-38EB943D3D6E}"/>
              </a:ext>
            </a:extLst>
          </p:cNvPr>
          <p:cNvGraphicFramePr>
            <a:graphicFrameLocks noGrp="1"/>
          </p:cNvGraphicFramePr>
          <p:nvPr>
            <p:ph sz="half" idx="2"/>
          </p:nvPr>
        </p:nvGraphicFramePr>
        <p:xfrm>
          <a:off x="8039422" y="1618899"/>
          <a:ext cx="1643522" cy="4625408"/>
        </p:xfrm>
        <a:graphic>
          <a:graphicData uri="http://schemas.openxmlformats.org/drawingml/2006/table">
            <a:tbl>
              <a:tblPr firstRow="1" bandRow="1">
                <a:tableStyleId>{B301B821-A1FF-4177-AEE7-76D212191A09}</a:tableStyleId>
              </a:tblPr>
              <a:tblGrid>
                <a:gridCol w="1643522">
                  <a:extLst>
                    <a:ext uri="{9D8B030D-6E8A-4147-A177-3AD203B41FA5}">
                      <a16:colId xmlns:a16="http://schemas.microsoft.com/office/drawing/2014/main" val="2659342890"/>
                    </a:ext>
                  </a:extLst>
                </a:gridCol>
              </a:tblGrid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STACK</a:t>
                      </a:r>
                    </a:p>
                  </a:txBody>
                  <a:tcPr anchor="ctr">
                    <a:solidFill>
                      <a:srgbClr val="2F3E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3858316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sz="2400" dirty="0" err="1">
                          <a:solidFill>
                            <a:srgbClr val="2F3EEA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40074208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81633235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5104416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7224118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73537804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38348370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74471417"/>
                  </a:ext>
                </a:extLst>
              </a:tr>
            </a:tbl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0B6D5B-B1E0-78E3-49CD-0DB4E16A0F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2</a:t>
            </a:fld>
            <a:endParaRPr lang="en-GB" dirty="0"/>
          </a:p>
        </p:txBody>
      </p:sp>
      <p:graphicFrame>
        <p:nvGraphicFramePr>
          <p:cNvPr id="12" name="Table 6">
            <a:extLst>
              <a:ext uri="{FF2B5EF4-FFF2-40B4-BE49-F238E27FC236}">
                <a16:creationId xmlns:a16="http://schemas.microsoft.com/office/drawing/2014/main" id="{FF392F1F-AA00-2474-B4A3-E7EC8C4A4A4C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442831209"/>
              </p:ext>
            </p:extLst>
          </p:nvPr>
        </p:nvGraphicFramePr>
        <p:xfrm>
          <a:off x="1774825" y="1706563"/>
          <a:ext cx="3383280" cy="4450080"/>
        </p:xfrm>
        <a:graphic>
          <a:graphicData uri="http://schemas.openxmlformats.org/drawingml/2006/table">
            <a:tbl>
              <a:tblPr firstRow="1" bandRow="1">
                <a:tableStyleId>{0505E3EF-67EA-436B-97B2-0124C06EBD24}</a:tableStyleId>
              </a:tblPr>
              <a:tblGrid>
                <a:gridCol w="776722">
                  <a:extLst>
                    <a:ext uri="{9D8B030D-6E8A-4147-A177-3AD203B41FA5}">
                      <a16:colId xmlns:a16="http://schemas.microsoft.com/office/drawing/2014/main" val="3949254090"/>
                    </a:ext>
                  </a:extLst>
                </a:gridCol>
                <a:gridCol w="2606558">
                  <a:extLst>
                    <a:ext uri="{9D8B030D-6E8A-4147-A177-3AD203B41FA5}">
                      <a16:colId xmlns:a16="http://schemas.microsoft.com/office/drawing/2014/main" val="409746520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loop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82811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0</a:t>
                      </a:r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cf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159030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1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944576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sf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990751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3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596254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4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goto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loop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868020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402560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delay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447725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A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6411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B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530670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C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805275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D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return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598253321"/>
                  </a:ext>
                </a:extLst>
              </a:tr>
            </a:tbl>
          </a:graphicData>
        </a:graphic>
      </p:graphicFrame>
      <p:sp>
        <p:nvSpPr>
          <p:cNvPr id="14" name="Arrow: Right 13">
            <a:extLst>
              <a:ext uri="{FF2B5EF4-FFF2-40B4-BE49-F238E27FC236}">
                <a16:creationId xmlns:a16="http://schemas.microsoft.com/office/drawing/2014/main" id="{72ADE4D3-2313-C59C-BC50-BC5471C55E1E}"/>
              </a:ext>
            </a:extLst>
          </p:cNvPr>
          <p:cNvSpPr/>
          <p:nvPr/>
        </p:nvSpPr>
        <p:spPr bwMode="auto">
          <a:xfrm>
            <a:off x="730610" y="5769260"/>
            <a:ext cx="936104" cy="426546"/>
          </a:xfrm>
          <a:prstGeom prst="rightArrow">
            <a:avLst>
              <a:gd name="adj1" fmla="val 42171"/>
              <a:gd name="adj2" fmla="val 55872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2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C</a:t>
            </a:r>
          </a:p>
        </p:txBody>
      </p:sp>
    </p:spTree>
    <p:extLst>
      <p:ext uri="{BB962C8B-B14F-4D97-AF65-F5344CB8AC3E}">
        <p14:creationId xmlns:p14="http://schemas.microsoft.com/office/powerpoint/2010/main" val="2738140422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30A4F2-8416-2E36-BB7A-5177088E15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RDWARE STACK</a:t>
            </a:r>
          </a:p>
        </p:txBody>
      </p:sp>
      <p:graphicFrame>
        <p:nvGraphicFramePr>
          <p:cNvPr id="13" name="Table 13">
            <a:extLst>
              <a:ext uri="{FF2B5EF4-FFF2-40B4-BE49-F238E27FC236}">
                <a16:creationId xmlns:a16="http://schemas.microsoft.com/office/drawing/2014/main" id="{2E7B9D2E-3505-0FE3-D7D0-38EB943D3D6E}"/>
              </a:ext>
            </a:extLst>
          </p:cNvPr>
          <p:cNvGraphicFramePr>
            <a:graphicFrameLocks noGrp="1"/>
          </p:cNvGraphicFramePr>
          <p:nvPr>
            <p:ph sz="half" idx="2"/>
          </p:nvPr>
        </p:nvGraphicFramePr>
        <p:xfrm>
          <a:off x="8039422" y="1618899"/>
          <a:ext cx="1643522" cy="4625408"/>
        </p:xfrm>
        <a:graphic>
          <a:graphicData uri="http://schemas.openxmlformats.org/drawingml/2006/table">
            <a:tbl>
              <a:tblPr firstRow="1" bandRow="1">
                <a:tableStyleId>{B301B821-A1FF-4177-AEE7-76D212191A09}</a:tableStyleId>
              </a:tblPr>
              <a:tblGrid>
                <a:gridCol w="1643522">
                  <a:extLst>
                    <a:ext uri="{9D8B030D-6E8A-4147-A177-3AD203B41FA5}">
                      <a16:colId xmlns:a16="http://schemas.microsoft.com/office/drawing/2014/main" val="2659342890"/>
                    </a:ext>
                  </a:extLst>
                </a:gridCol>
              </a:tblGrid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STACK</a:t>
                      </a:r>
                    </a:p>
                  </a:txBody>
                  <a:tcPr anchor="ctr">
                    <a:solidFill>
                      <a:srgbClr val="2F3E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3858316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sz="2400" dirty="0" err="1">
                          <a:solidFill>
                            <a:srgbClr val="2F3EEA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40074208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81633235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5104416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7224118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73537804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38348370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74471417"/>
                  </a:ext>
                </a:extLst>
              </a:tr>
            </a:tbl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0B6D5B-B1E0-78E3-49CD-0DB4E16A0F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3</a:t>
            </a:fld>
            <a:endParaRPr lang="en-GB" dirty="0"/>
          </a:p>
        </p:txBody>
      </p:sp>
      <p:graphicFrame>
        <p:nvGraphicFramePr>
          <p:cNvPr id="12" name="Table 6">
            <a:extLst>
              <a:ext uri="{FF2B5EF4-FFF2-40B4-BE49-F238E27FC236}">
                <a16:creationId xmlns:a16="http://schemas.microsoft.com/office/drawing/2014/main" id="{FF392F1F-AA00-2474-B4A3-E7EC8C4A4A4C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1017159364"/>
              </p:ext>
            </p:extLst>
          </p:nvPr>
        </p:nvGraphicFramePr>
        <p:xfrm>
          <a:off x="1774825" y="1706563"/>
          <a:ext cx="3383280" cy="4450080"/>
        </p:xfrm>
        <a:graphic>
          <a:graphicData uri="http://schemas.openxmlformats.org/drawingml/2006/table">
            <a:tbl>
              <a:tblPr firstRow="1" bandRow="1">
                <a:tableStyleId>{0505E3EF-67EA-436B-97B2-0124C06EBD24}</a:tableStyleId>
              </a:tblPr>
              <a:tblGrid>
                <a:gridCol w="776722">
                  <a:extLst>
                    <a:ext uri="{9D8B030D-6E8A-4147-A177-3AD203B41FA5}">
                      <a16:colId xmlns:a16="http://schemas.microsoft.com/office/drawing/2014/main" val="3949254090"/>
                    </a:ext>
                  </a:extLst>
                </a:gridCol>
                <a:gridCol w="2606558">
                  <a:extLst>
                    <a:ext uri="{9D8B030D-6E8A-4147-A177-3AD203B41FA5}">
                      <a16:colId xmlns:a16="http://schemas.microsoft.com/office/drawing/2014/main" val="409746520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loop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82811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0</a:t>
                      </a:r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cf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159030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1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944576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sf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990751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3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596254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4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goto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loop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868020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402560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delay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447725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A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6411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B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530670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C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7805275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D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return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98253321"/>
                  </a:ext>
                </a:extLst>
              </a:tr>
            </a:tbl>
          </a:graphicData>
        </a:graphic>
      </p:graphicFrame>
      <p:sp>
        <p:nvSpPr>
          <p:cNvPr id="14" name="Arrow: Right 13">
            <a:extLst>
              <a:ext uri="{FF2B5EF4-FFF2-40B4-BE49-F238E27FC236}">
                <a16:creationId xmlns:a16="http://schemas.microsoft.com/office/drawing/2014/main" id="{72ADE4D3-2313-C59C-BC50-BC5471C55E1E}"/>
              </a:ext>
            </a:extLst>
          </p:cNvPr>
          <p:cNvSpPr/>
          <p:nvPr/>
        </p:nvSpPr>
        <p:spPr bwMode="auto">
          <a:xfrm>
            <a:off x="6887294" y="2312876"/>
            <a:ext cx="936104" cy="426546"/>
          </a:xfrm>
          <a:prstGeom prst="rightArrow">
            <a:avLst>
              <a:gd name="adj1" fmla="val 42171"/>
              <a:gd name="adj2" fmla="val 55872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2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C</a:t>
            </a:r>
          </a:p>
        </p:txBody>
      </p:sp>
    </p:spTree>
    <p:extLst>
      <p:ext uri="{BB962C8B-B14F-4D97-AF65-F5344CB8AC3E}">
        <p14:creationId xmlns:p14="http://schemas.microsoft.com/office/powerpoint/2010/main" val="4026152409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30A4F2-8416-2E36-BB7A-5177088E15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RDWARE STACK</a:t>
            </a:r>
          </a:p>
        </p:txBody>
      </p:sp>
      <p:graphicFrame>
        <p:nvGraphicFramePr>
          <p:cNvPr id="13" name="Table 13">
            <a:extLst>
              <a:ext uri="{FF2B5EF4-FFF2-40B4-BE49-F238E27FC236}">
                <a16:creationId xmlns:a16="http://schemas.microsoft.com/office/drawing/2014/main" id="{2E7B9D2E-3505-0FE3-D7D0-38EB943D3D6E}"/>
              </a:ext>
            </a:extLst>
          </p:cNvPr>
          <p:cNvGraphicFramePr>
            <a:graphicFrameLocks noGrp="1"/>
          </p:cNvGraphicFramePr>
          <p:nvPr>
            <p:ph sz="half" idx="2"/>
          </p:nvPr>
        </p:nvGraphicFramePr>
        <p:xfrm>
          <a:off x="8039422" y="1618899"/>
          <a:ext cx="1643522" cy="4625408"/>
        </p:xfrm>
        <a:graphic>
          <a:graphicData uri="http://schemas.openxmlformats.org/drawingml/2006/table">
            <a:tbl>
              <a:tblPr firstRow="1" bandRow="1">
                <a:tableStyleId>{B301B821-A1FF-4177-AEE7-76D212191A09}</a:tableStyleId>
              </a:tblPr>
              <a:tblGrid>
                <a:gridCol w="1643522">
                  <a:extLst>
                    <a:ext uri="{9D8B030D-6E8A-4147-A177-3AD203B41FA5}">
                      <a16:colId xmlns:a16="http://schemas.microsoft.com/office/drawing/2014/main" val="2659342890"/>
                    </a:ext>
                  </a:extLst>
                </a:gridCol>
              </a:tblGrid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STACK</a:t>
                      </a:r>
                    </a:p>
                  </a:txBody>
                  <a:tcPr anchor="ctr">
                    <a:solidFill>
                      <a:srgbClr val="2F3E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3858316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sz="2400" dirty="0" err="1">
                          <a:solidFill>
                            <a:srgbClr val="2F3EEA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40074208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81633235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5104416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7224118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73537804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38348370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74471417"/>
                  </a:ext>
                </a:extLst>
              </a:tr>
            </a:tbl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0B6D5B-B1E0-78E3-49CD-0DB4E16A0F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4</a:t>
            </a:fld>
            <a:endParaRPr lang="en-GB" dirty="0"/>
          </a:p>
        </p:txBody>
      </p:sp>
      <p:graphicFrame>
        <p:nvGraphicFramePr>
          <p:cNvPr id="12" name="Table 6">
            <a:extLst>
              <a:ext uri="{FF2B5EF4-FFF2-40B4-BE49-F238E27FC236}">
                <a16:creationId xmlns:a16="http://schemas.microsoft.com/office/drawing/2014/main" id="{FF392F1F-AA00-2474-B4A3-E7EC8C4A4A4C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381292758"/>
              </p:ext>
            </p:extLst>
          </p:nvPr>
        </p:nvGraphicFramePr>
        <p:xfrm>
          <a:off x="1774825" y="1706563"/>
          <a:ext cx="3383280" cy="4450080"/>
        </p:xfrm>
        <a:graphic>
          <a:graphicData uri="http://schemas.openxmlformats.org/drawingml/2006/table">
            <a:tbl>
              <a:tblPr firstRow="1" bandRow="1">
                <a:tableStyleId>{0505E3EF-67EA-436B-97B2-0124C06EBD24}</a:tableStyleId>
              </a:tblPr>
              <a:tblGrid>
                <a:gridCol w="776722">
                  <a:extLst>
                    <a:ext uri="{9D8B030D-6E8A-4147-A177-3AD203B41FA5}">
                      <a16:colId xmlns:a16="http://schemas.microsoft.com/office/drawing/2014/main" val="3949254090"/>
                    </a:ext>
                  </a:extLst>
                </a:gridCol>
                <a:gridCol w="2606558">
                  <a:extLst>
                    <a:ext uri="{9D8B030D-6E8A-4147-A177-3AD203B41FA5}">
                      <a16:colId xmlns:a16="http://schemas.microsoft.com/office/drawing/2014/main" val="409746520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loop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82811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0</a:t>
                      </a:r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cf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159030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1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944576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sf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8990751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3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596254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4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goto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loop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868020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402560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delay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447725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A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6411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B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530670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C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7805275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D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return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98253321"/>
                  </a:ext>
                </a:extLst>
              </a:tr>
            </a:tbl>
          </a:graphicData>
        </a:graphic>
      </p:graphicFrame>
      <p:sp>
        <p:nvSpPr>
          <p:cNvPr id="3" name="Arrow: Right 2">
            <a:extLst>
              <a:ext uri="{FF2B5EF4-FFF2-40B4-BE49-F238E27FC236}">
                <a16:creationId xmlns:a16="http://schemas.microsoft.com/office/drawing/2014/main" id="{80F407F5-845D-DA15-10BD-F9A09CE064EA}"/>
              </a:ext>
            </a:extLst>
          </p:cNvPr>
          <p:cNvSpPr/>
          <p:nvPr/>
        </p:nvSpPr>
        <p:spPr bwMode="auto">
          <a:xfrm>
            <a:off x="730610" y="2780928"/>
            <a:ext cx="936104" cy="426546"/>
          </a:xfrm>
          <a:prstGeom prst="rightArrow">
            <a:avLst>
              <a:gd name="adj1" fmla="val 42171"/>
              <a:gd name="adj2" fmla="val 55872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2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C</a:t>
            </a:r>
          </a:p>
        </p:txBody>
      </p:sp>
    </p:spTree>
    <p:extLst>
      <p:ext uri="{BB962C8B-B14F-4D97-AF65-F5344CB8AC3E}">
        <p14:creationId xmlns:p14="http://schemas.microsoft.com/office/powerpoint/2010/main" val="125475162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30A4F2-8416-2E36-BB7A-5177088E15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RDWARE STACK</a:t>
            </a:r>
          </a:p>
        </p:txBody>
      </p:sp>
      <p:graphicFrame>
        <p:nvGraphicFramePr>
          <p:cNvPr id="13" name="Table 13">
            <a:extLst>
              <a:ext uri="{FF2B5EF4-FFF2-40B4-BE49-F238E27FC236}">
                <a16:creationId xmlns:a16="http://schemas.microsoft.com/office/drawing/2014/main" id="{2E7B9D2E-3505-0FE3-D7D0-38EB943D3D6E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3406042496"/>
              </p:ext>
            </p:extLst>
          </p:nvPr>
        </p:nvGraphicFramePr>
        <p:xfrm>
          <a:off x="8039422" y="1618899"/>
          <a:ext cx="1643522" cy="4625408"/>
        </p:xfrm>
        <a:graphic>
          <a:graphicData uri="http://schemas.openxmlformats.org/drawingml/2006/table">
            <a:tbl>
              <a:tblPr firstRow="1" bandRow="1">
                <a:tableStyleId>{B301B821-A1FF-4177-AEE7-76D212191A09}</a:tableStyleId>
              </a:tblPr>
              <a:tblGrid>
                <a:gridCol w="1643522">
                  <a:extLst>
                    <a:ext uri="{9D8B030D-6E8A-4147-A177-3AD203B41FA5}">
                      <a16:colId xmlns:a16="http://schemas.microsoft.com/office/drawing/2014/main" val="2659342890"/>
                    </a:ext>
                  </a:extLst>
                </a:gridCol>
              </a:tblGrid>
              <a:tr h="578176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STACK</a:t>
                      </a:r>
                    </a:p>
                  </a:txBody>
                  <a:tcPr anchor="ctr">
                    <a:solidFill>
                      <a:srgbClr val="2F3EE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3858316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40074208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81633235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5104416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72241181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73537804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38348370"/>
                  </a:ext>
                </a:extLst>
              </a:tr>
              <a:tr h="578176">
                <a:tc>
                  <a:txBody>
                    <a:bodyPr/>
                    <a:lstStyle/>
                    <a:p>
                      <a:pPr algn="ctr"/>
                      <a:endParaRPr lang="en-US" sz="2400" dirty="0">
                        <a:solidFill>
                          <a:srgbClr val="2F3EEA"/>
                        </a:solidFill>
                        <a:latin typeface="Consolas" panose="020B0609020204030204" pitchFamily="49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674471417"/>
                  </a:ext>
                </a:extLst>
              </a:tr>
            </a:tbl>
          </a:graphicData>
        </a:graphic>
      </p:graphicFrame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0B6D5B-B1E0-78E3-49CD-0DB4E16A0F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5</a:t>
            </a:fld>
            <a:endParaRPr lang="en-GB" dirty="0"/>
          </a:p>
        </p:txBody>
      </p:sp>
      <p:graphicFrame>
        <p:nvGraphicFramePr>
          <p:cNvPr id="12" name="Table 6">
            <a:extLst>
              <a:ext uri="{FF2B5EF4-FFF2-40B4-BE49-F238E27FC236}">
                <a16:creationId xmlns:a16="http://schemas.microsoft.com/office/drawing/2014/main" id="{FF392F1F-AA00-2474-B4A3-E7EC8C4A4A4C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3919630703"/>
              </p:ext>
            </p:extLst>
          </p:nvPr>
        </p:nvGraphicFramePr>
        <p:xfrm>
          <a:off x="1774825" y="1706563"/>
          <a:ext cx="3383280" cy="4450080"/>
        </p:xfrm>
        <a:graphic>
          <a:graphicData uri="http://schemas.openxmlformats.org/drawingml/2006/table">
            <a:tbl>
              <a:tblPr firstRow="1" bandRow="1">
                <a:tableStyleId>{0505E3EF-67EA-436B-97B2-0124C06EBD24}</a:tableStyleId>
              </a:tblPr>
              <a:tblGrid>
                <a:gridCol w="776722">
                  <a:extLst>
                    <a:ext uri="{9D8B030D-6E8A-4147-A177-3AD203B41FA5}">
                      <a16:colId xmlns:a16="http://schemas.microsoft.com/office/drawing/2014/main" val="3949254090"/>
                    </a:ext>
                  </a:extLst>
                </a:gridCol>
                <a:gridCol w="2606558">
                  <a:extLst>
                    <a:ext uri="{9D8B030D-6E8A-4147-A177-3AD203B41FA5}">
                      <a16:colId xmlns:a16="http://schemas.microsoft.com/office/drawing/2014/main" val="409746520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loop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82811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0</a:t>
                      </a:r>
                      <a:endParaRPr lang="en-US" b="0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cf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b="0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b="0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159030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1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944576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2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bsf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PORTD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, 0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8990751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3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call delay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7596254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4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goto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 loop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868020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4025605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delay: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447725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A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6411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B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530670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C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7805275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 err="1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0x0D</a:t>
                      </a:r>
                      <a:endParaRPr lang="en-US" dirty="0">
                        <a:solidFill>
                          <a:schemeClr val="tx2"/>
                        </a:solidFill>
                        <a:latin typeface="Consolas" panose="020B0609020204030204" pitchFamily="49" charset="0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Consolas" panose="020B0609020204030204" pitchFamily="49" charset="0"/>
                        </a:rPr>
                        <a:t>return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598253321"/>
                  </a:ext>
                </a:extLst>
              </a:tr>
            </a:tbl>
          </a:graphicData>
        </a:graphic>
      </p:graphicFrame>
      <p:sp>
        <p:nvSpPr>
          <p:cNvPr id="3" name="Arrow: Right 2">
            <a:extLst>
              <a:ext uri="{FF2B5EF4-FFF2-40B4-BE49-F238E27FC236}">
                <a16:creationId xmlns:a16="http://schemas.microsoft.com/office/drawing/2014/main" id="{80F407F5-845D-DA15-10BD-F9A09CE064EA}"/>
              </a:ext>
            </a:extLst>
          </p:cNvPr>
          <p:cNvSpPr/>
          <p:nvPr/>
        </p:nvSpPr>
        <p:spPr bwMode="auto">
          <a:xfrm>
            <a:off x="730610" y="3182474"/>
            <a:ext cx="936104" cy="426546"/>
          </a:xfrm>
          <a:prstGeom prst="rightArrow">
            <a:avLst>
              <a:gd name="adj1" fmla="val 42171"/>
              <a:gd name="adj2" fmla="val 55872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2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C</a:t>
            </a:r>
          </a:p>
        </p:txBody>
      </p:sp>
    </p:spTree>
    <p:extLst>
      <p:ext uri="{BB962C8B-B14F-4D97-AF65-F5344CB8AC3E}">
        <p14:creationId xmlns:p14="http://schemas.microsoft.com/office/powerpoint/2010/main" val="60432046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FB5D724-7A69-F201-D7A3-2751D2E6CE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Evolution of the PIC Microcontroller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42DB822-089B-CD2E-DD66-1D551B373CE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s-MX" dirty="0" err="1"/>
              <a:t>TE2015</a:t>
            </a:r>
            <a:r>
              <a:rPr lang="es-MX" dirty="0"/>
              <a:t> Microcontroladores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17D03C7-F44A-0486-F42D-CA1C5D42559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2941240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FF512E78-335F-2C1D-FB95-93A6F87766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MX"/>
              <a:t>EVOLUTION OF PIC MICROCONTROLLER</a:t>
            </a:r>
            <a:endParaRPr lang="en-US" dirty="0"/>
          </a:p>
        </p:txBody>
      </p:sp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E0066F59-EF26-71E5-9F11-EB9930E954CA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7103318" y="2708920"/>
            <a:ext cx="4981837" cy="2815549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318828-D276-C233-EC86-4D3BD14576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2" name="Content Placeholder 11">
            <a:extLst>
              <a:ext uri="{FF2B5EF4-FFF2-40B4-BE49-F238E27FC236}">
                <a16:creationId xmlns:a16="http://schemas.microsoft.com/office/drawing/2014/main" id="{DE86632C-35A4-6E3C-905D-0A32B45B6795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3"/>
          <a:stretch>
            <a:fillRect/>
          </a:stretch>
        </p:blipFill>
        <p:spPr>
          <a:xfrm>
            <a:off x="761206" y="1676400"/>
            <a:ext cx="6238125" cy="4529300"/>
          </a:xfrm>
        </p:spPr>
      </p:pic>
    </p:spTree>
    <p:extLst>
      <p:ext uri="{BB962C8B-B14F-4D97-AF65-F5344CB8AC3E}">
        <p14:creationId xmlns:p14="http://schemas.microsoft.com/office/powerpoint/2010/main" val="62250787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A10F91-0D5A-CD52-A658-0677B412444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Features of </a:t>
            </a:r>
            <a:r>
              <a:rPr lang="en-US" dirty="0" err="1"/>
              <a:t>PIC18</a:t>
            </a:r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7FE3A81-9DAC-5520-6203-F35336D8693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s-MX" dirty="0" err="1"/>
              <a:t>TE2015</a:t>
            </a:r>
            <a:r>
              <a:rPr lang="es-MX" dirty="0"/>
              <a:t> Microcontroladores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5C73F1-4CEC-2BEA-09B8-AEF822817D1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7963604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A0C4EF-3578-50F1-F40B-142FB05C1F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MX" dirty="0" err="1"/>
              <a:t>MEMORY</a:t>
            </a:r>
            <a:r>
              <a:rPr lang="es-MX" dirty="0"/>
              <a:t> </a:t>
            </a:r>
            <a:r>
              <a:rPr lang="es-MX" dirty="0" err="1"/>
              <a:t>ORGANIZATIO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880725-AB83-D59C-0D80-73C0B849BD69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 anchor="ctr"/>
          <a:lstStyle/>
          <a:p>
            <a:r>
              <a:rPr lang="es-MX" b="1" dirty="0" err="1"/>
              <a:t>Program</a:t>
            </a:r>
            <a:r>
              <a:rPr lang="es-MX" b="1" dirty="0"/>
              <a:t> </a:t>
            </a:r>
            <a:r>
              <a:rPr lang="es-MX" b="1" dirty="0" err="1"/>
              <a:t>memory</a:t>
            </a:r>
            <a:endParaRPr lang="es-MX" b="1" dirty="0"/>
          </a:p>
          <a:p>
            <a:pPr lvl="1"/>
            <a:r>
              <a:rPr lang="es-MX" dirty="0"/>
              <a:t>Non-</a:t>
            </a:r>
            <a:r>
              <a:rPr lang="es-MX" dirty="0" err="1"/>
              <a:t>volatile</a:t>
            </a:r>
            <a:r>
              <a:rPr lang="es-MX" dirty="0"/>
              <a:t> </a:t>
            </a:r>
            <a:r>
              <a:rPr lang="es-MX" dirty="0" err="1"/>
              <a:t>memory</a:t>
            </a:r>
            <a:r>
              <a:rPr lang="es-MX" dirty="0"/>
              <a:t> </a:t>
            </a:r>
            <a:r>
              <a:rPr lang="es-MX" dirty="0" err="1"/>
              <a:t>that</a:t>
            </a:r>
            <a:r>
              <a:rPr lang="es-MX" dirty="0"/>
              <a:t> </a:t>
            </a:r>
            <a:r>
              <a:rPr lang="es-MX" dirty="0" err="1"/>
              <a:t>stores</a:t>
            </a:r>
            <a:r>
              <a:rPr lang="es-MX" dirty="0"/>
              <a:t> </a:t>
            </a:r>
            <a:r>
              <a:rPr lang="es-MX" dirty="0" err="1"/>
              <a:t>all</a:t>
            </a:r>
            <a:r>
              <a:rPr lang="es-MX" dirty="0"/>
              <a:t> </a:t>
            </a:r>
            <a:r>
              <a:rPr lang="es-MX" dirty="0" err="1"/>
              <a:t>the</a:t>
            </a:r>
            <a:r>
              <a:rPr lang="es-MX" dirty="0"/>
              <a:t> </a:t>
            </a:r>
            <a:r>
              <a:rPr lang="es-MX" dirty="0" err="1"/>
              <a:t>instructions</a:t>
            </a:r>
            <a:r>
              <a:rPr lang="es-MX" dirty="0"/>
              <a:t> </a:t>
            </a:r>
            <a:r>
              <a:rPr lang="es-MX" dirty="0" err="1"/>
              <a:t>we</a:t>
            </a:r>
            <a:r>
              <a:rPr lang="es-MX" dirty="0"/>
              <a:t> </a:t>
            </a:r>
            <a:r>
              <a:rPr lang="es-MX" dirty="0" err="1"/>
              <a:t>write</a:t>
            </a:r>
            <a:endParaRPr lang="es-MX" dirty="0"/>
          </a:p>
          <a:p>
            <a:r>
              <a:rPr lang="es-MX" b="1" dirty="0"/>
              <a:t>Data </a:t>
            </a:r>
            <a:r>
              <a:rPr lang="es-MX" b="1" dirty="0" err="1"/>
              <a:t>memory</a:t>
            </a:r>
            <a:r>
              <a:rPr lang="es-MX" b="1" dirty="0"/>
              <a:t> (RAM)</a:t>
            </a:r>
          </a:p>
          <a:p>
            <a:pPr lvl="1"/>
            <a:r>
              <a:rPr lang="es-MX" dirty="0" err="1"/>
              <a:t>Volatile</a:t>
            </a:r>
            <a:r>
              <a:rPr lang="es-MX" dirty="0"/>
              <a:t> </a:t>
            </a:r>
            <a:r>
              <a:rPr lang="es-MX" dirty="0" err="1"/>
              <a:t>memory</a:t>
            </a:r>
            <a:r>
              <a:rPr lang="es-MX" dirty="0"/>
              <a:t> </a:t>
            </a:r>
            <a:r>
              <a:rPr lang="es-MX" dirty="0" err="1"/>
              <a:t>that</a:t>
            </a:r>
            <a:r>
              <a:rPr lang="es-MX" dirty="0"/>
              <a:t> </a:t>
            </a:r>
            <a:r>
              <a:rPr lang="es-MX" dirty="0" err="1"/>
              <a:t>keeps</a:t>
            </a:r>
            <a:r>
              <a:rPr lang="es-MX" dirty="0"/>
              <a:t> variables and </a:t>
            </a:r>
            <a:r>
              <a:rPr lang="es-MX" dirty="0" err="1"/>
              <a:t>runtime-generated</a:t>
            </a:r>
            <a:r>
              <a:rPr lang="es-MX" dirty="0"/>
              <a:t> data</a:t>
            </a:r>
          </a:p>
          <a:p>
            <a:r>
              <a:rPr lang="es-MX" b="1" dirty="0"/>
              <a:t>Data </a:t>
            </a:r>
            <a:r>
              <a:rPr lang="es-MX" b="1" dirty="0" err="1"/>
              <a:t>memody</a:t>
            </a:r>
            <a:r>
              <a:rPr lang="es-MX" b="1" dirty="0"/>
              <a:t> (</a:t>
            </a:r>
            <a:r>
              <a:rPr lang="es-MX" b="1" dirty="0" err="1"/>
              <a:t>EEPROM</a:t>
            </a:r>
            <a:r>
              <a:rPr lang="es-MX" b="1" dirty="0"/>
              <a:t>)</a:t>
            </a:r>
          </a:p>
          <a:p>
            <a:pPr lvl="1"/>
            <a:r>
              <a:rPr lang="es-MX" dirty="0"/>
              <a:t>Non-</a:t>
            </a:r>
            <a:r>
              <a:rPr lang="es-MX" dirty="0" err="1"/>
              <a:t>volatile</a:t>
            </a:r>
            <a:r>
              <a:rPr lang="es-MX" dirty="0"/>
              <a:t> </a:t>
            </a:r>
            <a:r>
              <a:rPr lang="es-MX" dirty="0" err="1"/>
              <a:t>with</a:t>
            </a:r>
            <a:r>
              <a:rPr lang="es-MX" dirty="0"/>
              <a:t> </a:t>
            </a:r>
            <a:r>
              <a:rPr lang="es-MX" dirty="0" err="1"/>
              <a:t>same</a:t>
            </a:r>
            <a:r>
              <a:rPr lang="es-MX" dirty="0"/>
              <a:t> </a:t>
            </a:r>
            <a:r>
              <a:rPr lang="es-MX" dirty="0" err="1"/>
              <a:t>functionality</a:t>
            </a:r>
            <a:r>
              <a:rPr lang="es-MX" dirty="0"/>
              <a:t> tan DATA RAM </a:t>
            </a:r>
            <a:r>
              <a:rPr lang="es-MX" dirty="0" err="1"/>
              <a:t>memory</a:t>
            </a:r>
            <a:endParaRPr lang="es-MX" dirty="0"/>
          </a:p>
          <a:p>
            <a:pPr marL="216000" lvl="1" indent="0">
              <a:buNone/>
            </a:pPr>
            <a:endParaRPr lang="es-MX" dirty="0"/>
          </a:p>
          <a:p>
            <a:pPr marL="0" indent="0">
              <a:buNone/>
            </a:pPr>
            <a:r>
              <a:rPr lang="es-MX" b="1" dirty="0" err="1"/>
              <a:t>Which</a:t>
            </a:r>
            <a:r>
              <a:rPr lang="es-MX" b="1" dirty="0"/>
              <a:t> </a:t>
            </a:r>
            <a:r>
              <a:rPr lang="es-MX" b="1" dirty="0" err="1"/>
              <a:t>architecture</a:t>
            </a:r>
            <a:r>
              <a:rPr lang="es-MX" b="1" dirty="0"/>
              <a:t> </a:t>
            </a:r>
            <a:r>
              <a:rPr lang="es-MX" b="1" dirty="0" err="1"/>
              <a:t>is</a:t>
            </a:r>
            <a:r>
              <a:rPr lang="es-MX" b="1" dirty="0"/>
              <a:t> </a:t>
            </a:r>
            <a:r>
              <a:rPr lang="es-MX" b="1" dirty="0" err="1"/>
              <a:t>that</a:t>
            </a:r>
            <a:r>
              <a:rPr lang="es-MX" b="1" dirty="0"/>
              <a:t> </a:t>
            </a:r>
            <a:r>
              <a:rPr lang="es-MX" b="1" dirty="0" err="1"/>
              <a:t>shown</a:t>
            </a:r>
            <a:r>
              <a:rPr lang="es-MX" b="1" dirty="0"/>
              <a:t> </a:t>
            </a:r>
            <a:r>
              <a:rPr lang="es-MX" b="1" dirty="0" err="1"/>
              <a:t>on</a:t>
            </a:r>
            <a:r>
              <a:rPr lang="es-MX" b="1" dirty="0"/>
              <a:t> </a:t>
            </a:r>
            <a:r>
              <a:rPr lang="es-MX" b="1" dirty="0" err="1"/>
              <a:t>the</a:t>
            </a:r>
            <a:r>
              <a:rPr lang="es-MX" b="1" dirty="0"/>
              <a:t> </a:t>
            </a:r>
            <a:r>
              <a:rPr lang="es-MX" b="1" dirty="0" err="1"/>
              <a:t>right</a:t>
            </a:r>
            <a:r>
              <a:rPr lang="es-MX" b="1" dirty="0"/>
              <a:t>?</a:t>
            </a:r>
            <a:endParaRPr lang="en-US" b="1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6B4BB270-FC27-B187-D93C-84FA0FC98E78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678613" y="2586653"/>
            <a:ext cx="4408487" cy="2786420"/>
          </a:xfr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BBEECD1-831B-DC69-0C57-B690896BB22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664003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467F25-6D54-2C74-127B-7EDC0CC064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MX" dirty="0" err="1"/>
              <a:t>INSTRUCTION</a:t>
            </a:r>
            <a:r>
              <a:rPr lang="es-MX" dirty="0"/>
              <a:t> </a:t>
            </a:r>
            <a:r>
              <a:rPr lang="es-MX" dirty="0" err="1"/>
              <a:t>FORMAT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AC65F18-17AC-A7DC-7F31-C4210AEE0E5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anchor="ctr"/>
          <a:lstStyle/>
          <a:p>
            <a:pPr marL="0" indent="0">
              <a:buNone/>
            </a:pPr>
            <a:r>
              <a:rPr lang="es-MX" dirty="0" err="1"/>
              <a:t>The</a:t>
            </a:r>
            <a:r>
              <a:rPr lang="es-MX" dirty="0"/>
              <a:t> </a:t>
            </a:r>
            <a:r>
              <a:rPr lang="es-MX" dirty="0" err="1"/>
              <a:t>instruction</a:t>
            </a:r>
            <a:r>
              <a:rPr lang="es-MX" dirty="0"/>
              <a:t> set </a:t>
            </a:r>
            <a:r>
              <a:rPr lang="es-MX" dirty="0" err="1"/>
              <a:t>of</a:t>
            </a:r>
            <a:r>
              <a:rPr lang="es-MX" dirty="0"/>
              <a:t> </a:t>
            </a:r>
            <a:r>
              <a:rPr lang="es-MX" dirty="0" err="1"/>
              <a:t>PIC</a:t>
            </a:r>
            <a:r>
              <a:rPr lang="es-MX" dirty="0"/>
              <a:t> </a:t>
            </a:r>
            <a:r>
              <a:rPr lang="es-MX" dirty="0" err="1"/>
              <a:t>microcontrollers</a:t>
            </a:r>
            <a:r>
              <a:rPr lang="es-MX" dirty="0"/>
              <a:t> </a:t>
            </a:r>
            <a:r>
              <a:rPr lang="es-MX" dirty="0" err="1"/>
              <a:t>is</a:t>
            </a:r>
            <a:r>
              <a:rPr lang="es-MX" dirty="0"/>
              <a:t> </a:t>
            </a:r>
            <a:r>
              <a:rPr lang="es-MX" dirty="0" err="1"/>
              <a:t>Orthogonal</a:t>
            </a:r>
            <a:endParaRPr lang="es-MX" dirty="0"/>
          </a:p>
          <a:p>
            <a:r>
              <a:rPr lang="es-MX" dirty="0" err="1"/>
              <a:t>We</a:t>
            </a:r>
            <a:r>
              <a:rPr lang="es-MX" dirty="0"/>
              <a:t> can </a:t>
            </a:r>
            <a:r>
              <a:rPr lang="es-MX" dirty="0" err="1"/>
              <a:t>read</a:t>
            </a:r>
            <a:r>
              <a:rPr lang="es-MX" dirty="0"/>
              <a:t> </a:t>
            </a:r>
            <a:r>
              <a:rPr lang="es-MX" dirty="0" err="1"/>
              <a:t>from</a:t>
            </a:r>
            <a:r>
              <a:rPr lang="es-MX" dirty="0"/>
              <a:t> and </a:t>
            </a:r>
            <a:r>
              <a:rPr lang="es-MX" dirty="0" err="1"/>
              <a:t>write</a:t>
            </a:r>
            <a:r>
              <a:rPr lang="es-MX" dirty="0"/>
              <a:t> </a:t>
            </a:r>
            <a:r>
              <a:rPr lang="es-MX" dirty="0" err="1"/>
              <a:t>to</a:t>
            </a:r>
            <a:r>
              <a:rPr lang="es-MX" dirty="0"/>
              <a:t> </a:t>
            </a:r>
            <a:r>
              <a:rPr lang="es-MX" dirty="0" err="1"/>
              <a:t>all</a:t>
            </a:r>
            <a:r>
              <a:rPr lang="es-MX" dirty="0"/>
              <a:t> file </a:t>
            </a:r>
            <a:r>
              <a:rPr lang="es-MX" dirty="0" err="1"/>
              <a:t>registers</a:t>
            </a:r>
            <a:r>
              <a:rPr lang="es-MX" dirty="0"/>
              <a:t>, </a:t>
            </a:r>
            <a:r>
              <a:rPr lang="es-MX" err="1"/>
              <a:t>including</a:t>
            </a:r>
            <a:r>
              <a:rPr lang="es-MX"/>
              <a:t> SFRs</a:t>
            </a:r>
          </a:p>
          <a:p>
            <a:r>
              <a:rPr lang="es-MX"/>
              <a:t>What makes the difference is where the WORKING (ACC) register is located</a:t>
            </a:r>
          </a:p>
          <a:p>
            <a:pPr lvl="1"/>
            <a:r>
              <a:rPr lang="es-MX"/>
              <a:t>In traditional architectures, the result of any operation is always stored in ACC</a:t>
            </a:r>
          </a:p>
          <a:p>
            <a:pPr lvl="1"/>
            <a:r>
              <a:rPr lang="es-MX"/>
              <a:t>In orthogonal architectures, the result of any operation can be stored in W or in data memory </a:t>
            </a:r>
            <a:endParaRPr lang="es-MX" dirty="0"/>
          </a:p>
          <a:p>
            <a:pPr lvl="2"/>
            <a:r>
              <a:rPr lang="en-US"/>
              <a:t>W reg is always one operand of ALU</a:t>
            </a:r>
            <a:endParaRPr lang="en-US" dirty="0"/>
          </a:p>
        </p:txBody>
      </p:sp>
      <p:pic>
        <p:nvPicPr>
          <p:cNvPr id="11" name="Picture Placeholder 10">
            <a:extLst>
              <a:ext uri="{FF2B5EF4-FFF2-40B4-BE49-F238E27FC236}">
                <a16:creationId xmlns:a16="http://schemas.microsoft.com/office/drawing/2014/main" id="{E6339704-9402-6047-33F7-CEDF841E3DB5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2"/>
          <a:srcRect l="-46209" t="-578" r="-48578" b="-578"/>
          <a:stretch/>
        </p:blipFill>
        <p:spPr/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151D5F-721A-86ED-71E4-66696E3D90D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9" name="Picture Placeholder 8">
            <a:extLst>
              <a:ext uri="{FF2B5EF4-FFF2-40B4-BE49-F238E27FC236}">
                <a16:creationId xmlns:a16="http://schemas.microsoft.com/office/drawing/2014/main" id="{F63CA2B3-686B-94D5-8BF6-6EB664842E4C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3"/>
          <a:srcRect l="-76057" t="-918" r="-57326" b="-2546"/>
          <a:stretch/>
        </p:blipFill>
        <p:spPr>
          <a:xfrm>
            <a:off x="8331200" y="849313"/>
            <a:ext cx="3859213" cy="2506662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C5F082DC-50E9-BA8C-C1D2-0CF2DC2D9B64}"/>
              </a:ext>
            </a:extLst>
          </p:cNvPr>
          <p:cNvSpPr txBox="1"/>
          <p:nvPr/>
        </p:nvSpPr>
        <p:spPr>
          <a:xfrm>
            <a:off x="11232872" y="912485"/>
            <a:ext cx="369332" cy="2174557"/>
          </a:xfrm>
          <a:prstGeom prst="rect">
            <a:avLst/>
          </a:prstGeom>
          <a:noFill/>
        </p:spPr>
        <p:txBody>
          <a:bodyPr vert="vert270"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MX" sz="2400" dirty="0" err="1">
                <a:solidFill>
                  <a:srgbClr val="2F3EEA"/>
                </a:solidFill>
                <a:latin typeface="+mn-lt"/>
              </a:rPr>
              <a:t>TRADITIONAL</a:t>
            </a:r>
            <a:endParaRPr lang="en-US" sz="2400" dirty="0" err="1">
              <a:solidFill>
                <a:srgbClr val="2F3EEA"/>
              </a:solidFill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B9AFA17-E88C-4FD4-9238-CB5C9DCD3150}"/>
              </a:ext>
            </a:extLst>
          </p:cNvPr>
          <p:cNvSpPr txBox="1"/>
          <p:nvPr/>
        </p:nvSpPr>
        <p:spPr>
          <a:xfrm>
            <a:off x="11232872" y="3729239"/>
            <a:ext cx="369332" cy="2174557"/>
          </a:xfrm>
          <a:prstGeom prst="rect">
            <a:avLst/>
          </a:prstGeom>
          <a:noFill/>
        </p:spPr>
        <p:txBody>
          <a:bodyPr vert="vert270"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MX" sz="2400" dirty="0" err="1">
                <a:solidFill>
                  <a:srgbClr val="2F3EEA"/>
                </a:solidFill>
                <a:latin typeface="+mn-lt"/>
              </a:rPr>
              <a:t>ORTHOGONAL</a:t>
            </a:r>
            <a:endParaRPr lang="en-US" sz="2400" dirty="0" err="1">
              <a:solidFill>
                <a:srgbClr val="2F3EEA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65704801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70DB08-38CD-0262-E1BA-CBF3F5F8A5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8 x 8 HARDWARE MULTIPLIER</a:t>
            </a:r>
            <a:endParaRPr lang="LID4096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9E7587C-4AC0-2564-D612-E5143375687A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2204607"/>
          </a:xfrm>
        </p:spPr>
        <p:txBody>
          <a:bodyPr anchor="ctr">
            <a:normAutofit lnSpcReduction="10000"/>
          </a:bodyPr>
          <a:lstStyle/>
          <a:p>
            <a:pPr marL="0" indent="0">
              <a:buNone/>
            </a:pPr>
            <a:r>
              <a:rPr lang="en-US" sz="1600"/>
              <a:t>The PIC18 family features an 8x8 hardware multiplier as part of the arithmetic-logic unit.</a:t>
            </a:r>
          </a:p>
          <a:p>
            <a:pPr lvl="1"/>
            <a:r>
              <a:rPr lang="en-US" sz="1600"/>
              <a:t>Carries out an unsigned multiplication and the 16-bit product is stored in the PROD register. </a:t>
            </a:r>
          </a:p>
          <a:p>
            <a:pPr lvl="1"/>
            <a:r>
              <a:rPr lang="en-US" sz="1600"/>
              <a:t>Hardware multiplier does not affect the STATUS register</a:t>
            </a:r>
          </a:p>
          <a:p>
            <a:pPr lvl="1"/>
            <a:r>
              <a:rPr lang="en-US" sz="1600"/>
              <a:t>Hardward multiplication allows to complete a full operation in one instruction cycle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3310BB75-9EB6-5908-B86D-22DE041A1A32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7102958" y="1706563"/>
            <a:ext cx="3559797" cy="4546600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462C845-A35D-C350-D210-EAFD99C109C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3F4F906E-C0A2-64B0-A864-79C585107867}"/>
              </a:ext>
            </a:extLst>
          </p:cNvPr>
          <p:cNvSpPr/>
          <p:nvPr/>
        </p:nvSpPr>
        <p:spPr bwMode="auto">
          <a:xfrm>
            <a:off x="9592786" y="4437112"/>
            <a:ext cx="1069969" cy="564656"/>
          </a:xfrm>
          <a:prstGeom prst="roundRect">
            <a:avLst/>
          </a:prstGeom>
          <a:noFill/>
          <a:ln w="38100" cap="flat" cmpd="sng" algn="ctr">
            <a:solidFill>
              <a:srgbClr val="2F3EEA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LID4096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917B529B-4060-C68C-0BCA-F78B9B73B1D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98812" y="4063705"/>
            <a:ext cx="5162152" cy="22046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02459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heme/theme1.xml><?xml version="1.0" encoding="utf-8"?>
<a:theme xmlns:a="http://schemas.openxmlformats.org/drawingml/2006/main" name="Blank">
  <a:themeElements>
    <a:clrScheme name="Custom 2">
      <a:dk1>
        <a:srgbClr val="FFFFFF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0EE84079-2462-4EEC-A6F7-CC22978017B5}" vid="{4EB994BA-1AC7-43B1-ABCF-ABAC6896A405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EC</Template>
  <TotalTime>883</TotalTime>
  <Words>1721</Words>
  <Application>Microsoft Office PowerPoint</Application>
  <PresentationFormat>Custom</PresentationFormat>
  <Paragraphs>449</Paragraphs>
  <Slides>3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5</vt:i4>
      </vt:variant>
    </vt:vector>
  </HeadingPairs>
  <TitlesOfParts>
    <vt:vector size="40" baseType="lpstr">
      <vt:lpstr>Arial</vt:lpstr>
      <vt:lpstr>Cascadia Code</vt:lpstr>
      <vt:lpstr>Consolas</vt:lpstr>
      <vt:lpstr>Verdana</vt:lpstr>
      <vt:lpstr>Blank</vt:lpstr>
      <vt:lpstr>PowerPoint Presentation</vt:lpstr>
      <vt:lpstr>PIC18 Microcontroller Architecture</vt:lpstr>
      <vt:lpstr>OUTLINE</vt:lpstr>
      <vt:lpstr>Evolution of the PIC Microcontroller</vt:lpstr>
      <vt:lpstr>EVOLUTION OF PIC MICROCONTROLLER</vt:lpstr>
      <vt:lpstr>Features of PIC18</vt:lpstr>
      <vt:lpstr>MEMORY ORGANIZATION</vt:lpstr>
      <vt:lpstr>INSTRUCTION FORMAT</vt:lpstr>
      <vt:lpstr>8 x 8 HARDWARE MULTIPLIER</vt:lpstr>
      <vt:lpstr>PIPELINING</vt:lpstr>
      <vt:lpstr>INSTRUCTIONS IN PROGRAM MEMORY</vt:lpstr>
      <vt:lpstr>PowerPoint Presentation</vt:lpstr>
      <vt:lpstr>EXAMPLE</vt:lpstr>
      <vt:lpstr>EXAMPLE</vt:lpstr>
      <vt:lpstr>EXAMPLE</vt:lpstr>
      <vt:lpstr>PROGRAM COUNTER, PC[20:0]</vt:lpstr>
      <vt:lpstr>Special Function Registers</vt:lpstr>
      <vt:lpstr>RAM DATA MEMORY</vt:lpstr>
      <vt:lpstr>BANK SELECT REGISTER, BSR</vt:lpstr>
      <vt:lpstr>EXAMPLE WITH PIC18F4550</vt:lpstr>
      <vt:lpstr>EXAMPLE WITH PIC18F4550</vt:lpstr>
      <vt:lpstr>EXERCISE WITH PIC18F57Q43</vt:lpstr>
      <vt:lpstr>ACCESS BANK</vt:lpstr>
      <vt:lpstr>MPLAB EXERCISE WITH PIC18F57Q43</vt:lpstr>
      <vt:lpstr>Hardware Stack</vt:lpstr>
      <vt:lpstr>HARDWARE STACK</vt:lpstr>
      <vt:lpstr>HARDWARE STACK</vt:lpstr>
      <vt:lpstr>HARDWARE STACK</vt:lpstr>
      <vt:lpstr>HARDWARE STACK</vt:lpstr>
      <vt:lpstr>HARDWARE STACK</vt:lpstr>
      <vt:lpstr>HARDWARE STACK</vt:lpstr>
      <vt:lpstr>HARDWARE STACK</vt:lpstr>
      <vt:lpstr>HARDWARE STACK</vt:lpstr>
      <vt:lpstr>HARDWARE STACK</vt:lpstr>
      <vt:lpstr>HARDWARE STACK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atias Vázquez Piñón</dc:creator>
  <cp:lastModifiedBy>Matías Vázquez Piñón</cp:lastModifiedBy>
  <cp:revision>1</cp:revision>
  <dcterms:created xsi:type="dcterms:W3CDTF">2022-08-15T09:50:29Z</dcterms:created>
  <dcterms:modified xsi:type="dcterms:W3CDTF">2022-08-23T21:43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